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4"/>
  </p:notesMasterIdLst>
  <p:sldIdLst>
    <p:sldId id="268" r:id="rId2"/>
    <p:sldId id="195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3802D0B-BCEE-4B6C-9C9C-FFE1DDAA16F4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133ED0-FFA8-46B5-A7A6-ABDA333E90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993960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133ED0-FFA8-46B5-A7A6-ABDA333E901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26019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3015E-5414-4791-87ED-6F1F4CA7FA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628C831-CA59-4FA8-9B42-0FE30D9100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634EE0-0BE0-4106-A2E0-9DE155B36C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FC5FFB-3FC1-4537-9C9C-193083915D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CA88AD-4717-4C64-88E0-3C63A21DFC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26410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FF8F65-14EE-4E60-BC06-4AD7E330E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4992E2-1688-41DF-AD2D-D6E43F1C824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97E1C0-C520-4BA0-A1EC-448ED249BD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C806E2-EFFE-4F3F-9E6D-16C1B5E02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B83C85-4466-468C-88AA-825A9DCFB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77171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677-2970-40C6-BE6E-A19787194CF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B0E1647-EFB2-40F3-8D5D-E75C3BB89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C4CC91-28A6-4966-B123-78B001538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2E456-9A05-4751-B88B-EA16C1928F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13CDDD-5435-4113-9DCB-B500AF0B99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19211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BF88A3-24A9-445F-A1B1-ED5CC622BB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D0B13B-558D-4ACA-AA3B-0A6B422C78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DC9CBF-74AA-4811-97E7-4EF8B29A5B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593DBE-0F2D-4B12-BD2B-9A50449CA7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A00C98-DBB1-466B-84F9-6765ED4569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60469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C93360-2C66-4709-8011-0AD3C30525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E09DC65-5635-4220-8C9F-242E17DD9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093D0F-B82C-43FB-83F1-721EBD4B9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DA42DE-2B84-47BC-8592-EDE88DCC4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52B38A-A9DF-427C-89BF-134EFCD12B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39547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D85711-8E57-4212-8251-777D515C90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EF7A44-D9E5-45DA-B0FA-466816D6D0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B3CF7E-6548-4EFD-950C-F493DC1968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57578B-5F8E-44D2-B5A8-0E09A8396B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FF3CB6-DA6C-4088-8459-416FBB6436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2EE560-06A4-4146-BFD7-441EB5C665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02307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BF7831-B65A-4C9C-809C-70C70259B6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8CD35A-D078-47DC-B0D3-E440A2116A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EBD668-7469-45D0-A576-4803931801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469486D-EEB9-4051-AFA1-9EC7C35717C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51B6A2-BCF9-40BE-B10D-B6E1EF31366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F74614D-3712-42AA-AA77-DAA1809C69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78F9191-2D76-4280-AFFD-C0E31A3215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28A7822-C210-4037-A144-82C9A9F7AF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73878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40107-F818-47A3-B6F7-C00196BD0E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EC8EF9B-1978-4C32-A31F-7E805EA17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28CDA3-37FB-480E-99BB-743E24BD41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4B4F09-2CB0-4F0F-B79F-DD6C903CF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397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C84E188-0423-4838-BD28-21A6D92118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3BBEE8F-C2B8-4FF5-BF7A-6039B7248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B5A43E-2E80-436A-9A01-E71889015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21086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B900B1-A7A4-419D-940C-E3D25CAA8C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080CF8-9A36-4B86-BAD4-51D0FC4AE5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B32745C-F614-44A5-9C36-E0898321227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A20E54-B02D-4D08-8EB3-1CE63D3CFD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3DECAC-5CA4-44F6-8534-0F8BA0DD9D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AAE77C-AA38-4C6B-AE09-0772F5EF57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49128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6B1046-7874-4423-9EE1-450EA6809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484959F-EFA0-4F32-A969-98F690BE607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E372295-183C-4654-ACD4-8F1C3B8004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FC165C-6C18-4A8B-8A3A-5CD27ACE8B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E4E76C-EDA4-4EB9-8CCF-084AEC845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9B341F-432F-40B5-9EC4-F64D01ADFA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7566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63C6D76-162F-4D7A-850F-CCFF034AC2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E90D8-B49E-4984-A8FC-07258C79FF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CA741F-CC75-4703-8F35-D71EEB46B3E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8FAD67-EA96-45FC-A058-223DFFC64D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D0DBC9-71B5-4566-BBE6-1119EEA5C3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9351ED-E467-45D9-9530-3E23B85F2F5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0514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notesSlide" Target="../notesSlides/notesSlide1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slideLayout" Target="../slideLayouts/slideLayout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6" name="Rectangle 425">
            <a:extLst>
              <a:ext uri="{FF2B5EF4-FFF2-40B4-BE49-F238E27FC236}">
                <a16:creationId xmlns:a16="http://schemas.microsoft.com/office/drawing/2014/main" id="{7D291E3B-4105-406F-AF6C-34464E2C4767}"/>
              </a:ext>
            </a:extLst>
          </p:cNvPr>
          <p:cNvSpPr/>
          <p:nvPr/>
        </p:nvSpPr>
        <p:spPr>
          <a:xfrm rot="10800000">
            <a:off x="3861661" y="3585294"/>
            <a:ext cx="4394199" cy="2376381"/>
          </a:xfrm>
          <a:prstGeom prst="rect">
            <a:avLst/>
          </a:prstGeom>
          <a:gradFill>
            <a:gsLst>
              <a:gs pos="0">
                <a:srgbClr val="7030A0">
                  <a:alpha val="0"/>
                </a:srgbClr>
              </a:gs>
              <a:gs pos="14000">
                <a:srgbClr val="7030A0">
                  <a:alpha val="15000"/>
                </a:srgbClr>
              </a:gs>
              <a:gs pos="100000">
                <a:srgbClr val="7030A0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424457"/>
            <a:ext cx="11633200" cy="153839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90713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26351"/>
            <a:ext cx="11633200" cy="8008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530038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2A_b8ab301f25904329aa86a8c8f2f1449c_BackgroundRectangle" hidden="1">
            <a:extLst>
              <a:ext uri="{FF2B5EF4-FFF2-40B4-BE49-F238E27FC236}">
                <a16:creationId xmlns:a16="http://schemas.microsoft.com/office/drawing/2014/main" id="{D9C8A6EB-6E5C-2113-B88D-B4B33C833C2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2530038"/>
            <a:ext cx="105410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" name="OTLSHAPE_SL2A_0cf5ce3365364990a6c845bc97f238d5_BackgroundRectangle" hidden="1">
            <a:extLst>
              <a:ext uri="{FF2B5EF4-FFF2-40B4-BE49-F238E27FC236}">
                <a16:creationId xmlns:a16="http://schemas.microsoft.com/office/drawing/2014/main" id="{83A8E767-AD88-CC02-B2E4-82597081A49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3424457"/>
            <a:ext cx="10541000" cy="153839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2A_3584b0cc80fd496590315cd169aef7d3_BackgroundRectangle" hidden="1">
            <a:extLst>
              <a:ext uri="{FF2B5EF4-FFF2-40B4-BE49-F238E27FC236}">
                <a16:creationId xmlns:a16="http://schemas.microsoft.com/office/drawing/2014/main" id="{BD1258CF-C22E-A023-F3DD-3D1A3164758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66876" y="5026351"/>
            <a:ext cx="10541000" cy="800862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2A_5ef91f4e4abc436ba790aa55f2c8145b_BackgroundRectangle" hidden="1">
            <a:extLst>
              <a:ext uri="{FF2B5EF4-FFF2-40B4-BE49-F238E27FC236}">
                <a16:creationId xmlns:a16="http://schemas.microsoft.com/office/drawing/2014/main" id="{8E92F983-849C-6CAF-C2DC-85D255E08DB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5890713"/>
            <a:ext cx="105410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BE9377C-1B74-7864-4C95-B0A1119D466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861351D2-29EF-4A6B-145A-02526DB5F09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1945838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530038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424457"/>
            <a:ext cx="1104900" cy="1538393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890713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026351"/>
            <a:ext cx="1104900" cy="8008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2A_b8ab301f25904329aa86a8c8f2f1449c_HeaderRectangle" hidden="1">
            <a:extLst>
              <a:ext uri="{FF2B5EF4-FFF2-40B4-BE49-F238E27FC236}">
                <a16:creationId xmlns:a16="http://schemas.microsoft.com/office/drawing/2014/main" id="{C708452D-F4FE-76CA-5409-A991E0DA72C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2530038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2A_0cf5ce3365364990a6c845bc97f238d5_HeaderRectangle" hidden="1">
            <a:extLst>
              <a:ext uri="{FF2B5EF4-FFF2-40B4-BE49-F238E27FC236}">
                <a16:creationId xmlns:a16="http://schemas.microsoft.com/office/drawing/2014/main" id="{D88FF6B6-545E-9EA1-732F-0E60EC496DA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3424457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3584b0cc80fd496590315cd169aef7d3_HeaderRectangle" hidden="1">
            <a:extLst>
              <a:ext uri="{FF2B5EF4-FFF2-40B4-BE49-F238E27FC236}">
                <a16:creationId xmlns:a16="http://schemas.microsoft.com/office/drawing/2014/main" id="{8BF56EA6-CCAA-EC4F-BE97-B30C2E4D604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66876" y="5026351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5ef91f4e4abc436ba790aa55f2c8145b_HeaderRectangle" hidden="1">
            <a:extLst>
              <a:ext uri="{FF2B5EF4-FFF2-40B4-BE49-F238E27FC236}">
                <a16:creationId xmlns:a16="http://schemas.microsoft.com/office/drawing/2014/main" id="{AF459E33-8FF3-739D-E3D0-F1319CF44BE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5890713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2326838"/>
            <a:ext cx="0" cy="4117948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2326838"/>
            <a:ext cx="0" cy="4117948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2326838"/>
            <a:ext cx="0" cy="4117948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063375" y="2860238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22376" y="2609879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887372" y="3110598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3700216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230872" y="3700216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739692" y="4336995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887372" y="4336995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623369" y="4545613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44319" y="5491594"/>
            <a:ext cx="1219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237020" y="5491594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61920" y="5491594"/>
            <a:ext cx="439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646641" y="5491594"/>
            <a:ext cx="1866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682870" y="3110598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392867" y="4754232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820988" y="3110598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2" name="OTLSHAPE_SLT_da01a58869b642ab80829fa4b14142a2_Shape">
            <a:extLst>
              <a:ext uri="{FF2B5EF4-FFF2-40B4-BE49-F238E27FC236}">
                <a16:creationId xmlns:a16="http://schemas.microsoft.com/office/drawing/2014/main" id="{BE7FBBA8-790B-1279-48A7-64892AE0396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804374" y="3110598"/>
            <a:ext cx="1244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162117" y="592881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1289609" y="592881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765638" y="592881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1289628" y="6199499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491716" y="6199499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527613" y="592881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494131" y="592881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A826F33A-9F9F-B796-0D1F-E8E8B56C909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93876" y="1945838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1f3ecdb523214d1c858ab8fb12392a13_ShapePercentage" hidden="1">
            <a:extLst>
              <a:ext uri="{FF2B5EF4-FFF2-40B4-BE49-F238E27FC236}">
                <a16:creationId xmlns:a16="http://schemas.microsoft.com/office/drawing/2014/main" id="{CF0E0023-6865-1D58-0F87-6AA9A81AD36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322376" y="260987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bf0bab4e98f54763a82568a5d219a5c7_ShapePercentage" hidden="1">
            <a:extLst>
              <a:ext uri="{FF2B5EF4-FFF2-40B4-BE49-F238E27FC236}">
                <a16:creationId xmlns:a16="http://schemas.microsoft.com/office/drawing/2014/main" id="{9964F673-A7EC-1576-46FB-84E3FBC3D31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063375" y="28602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T_79eebf0cc03e4ea08540b80882717e0a_ShapePercentage" hidden="1">
            <a:extLst>
              <a:ext uri="{FF2B5EF4-FFF2-40B4-BE49-F238E27FC236}">
                <a16:creationId xmlns:a16="http://schemas.microsoft.com/office/drawing/2014/main" id="{4139FC75-57CD-7408-BE0B-6DA8203FA04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20988" y="31105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0" name="OTLSHAPE_SLT_eeb83e503ffe4a72a203fede87f23081_ShapePercentage" hidden="1">
            <a:extLst>
              <a:ext uri="{FF2B5EF4-FFF2-40B4-BE49-F238E27FC236}">
                <a16:creationId xmlns:a16="http://schemas.microsoft.com/office/drawing/2014/main" id="{1B409428-BDF6-CFD6-C3A0-2022C872CF0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682870" y="31105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T_118aa262c9b048e19e0b2ecc51e36c38_ShapePercentage" hidden="1">
            <a:extLst>
              <a:ext uri="{FF2B5EF4-FFF2-40B4-BE49-F238E27FC236}">
                <a16:creationId xmlns:a16="http://schemas.microsoft.com/office/drawing/2014/main" id="{AB803516-5AAA-F54A-4BDC-2A1B4A755DF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887372" y="31105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SLT_44de9765e7204557b88297f4709b8c30_ShapePercentage" hidden="1">
            <a:extLst>
              <a:ext uri="{FF2B5EF4-FFF2-40B4-BE49-F238E27FC236}">
                <a16:creationId xmlns:a16="http://schemas.microsoft.com/office/drawing/2014/main" id="{51B65A93-90CA-D761-941F-1D5D1E00BDF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230872" y="37002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SLT_8d38abf6434f49b59dc24ae1ee36935e_ShapePercentage" hidden="1">
            <a:extLst>
              <a:ext uri="{FF2B5EF4-FFF2-40B4-BE49-F238E27FC236}">
                <a16:creationId xmlns:a16="http://schemas.microsoft.com/office/drawing/2014/main" id="{70B82BFB-50D2-3F0A-FE76-405028CA0A2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887372" y="37002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SLT_c7770eb3e434445083ebf0cda53241c7_ShapePercentage" hidden="1">
            <a:extLst>
              <a:ext uri="{FF2B5EF4-FFF2-40B4-BE49-F238E27FC236}">
                <a16:creationId xmlns:a16="http://schemas.microsoft.com/office/drawing/2014/main" id="{EBED3CEE-0320-9CA0-5AD9-E3810E64FE5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887372" y="433699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" name="OTLSHAPE_SLT_40c7696c8b3a4b1db83d76730e5d92c2_ShapePercentage" hidden="1">
            <a:extLst>
              <a:ext uri="{FF2B5EF4-FFF2-40B4-BE49-F238E27FC236}">
                <a16:creationId xmlns:a16="http://schemas.microsoft.com/office/drawing/2014/main" id="{7AA1854D-3F56-D8EC-D447-43D59D8F84C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739692" y="433699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f1b03b9fadb246d6b74eef66d2c662d1_ShapePercentage" hidden="1">
            <a:extLst>
              <a:ext uri="{FF2B5EF4-FFF2-40B4-BE49-F238E27FC236}">
                <a16:creationId xmlns:a16="http://schemas.microsoft.com/office/drawing/2014/main" id="{6632729C-2F09-DD6B-AC66-063239E6B99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623369" y="454561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c60910096d5a4b6f9de76b63feadcf94_ShapePercentage" hidden="1">
            <a:extLst>
              <a:ext uri="{FF2B5EF4-FFF2-40B4-BE49-F238E27FC236}">
                <a16:creationId xmlns:a16="http://schemas.microsoft.com/office/drawing/2014/main" id="{C82271E9-A257-F62B-3993-C0ED3332EFB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92867" y="47542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71feb0897c2b47d28678366d0661913b_ShapePercentage" hidden="1">
            <a:extLst>
              <a:ext uri="{FF2B5EF4-FFF2-40B4-BE49-F238E27FC236}">
                <a16:creationId xmlns:a16="http://schemas.microsoft.com/office/drawing/2014/main" id="{2BB8D157-C177-B32D-1152-65AF8112E29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644319" y="549159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T_fa8886b769a54c02817aaba54576e921_ShapePercentage" hidden="1">
            <a:extLst>
              <a:ext uri="{FF2B5EF4-FFF2-40B4-BE49-F238E27FC236}">
                <a16:creationId xmlns:a16="http://schemas.microsoft.com/office/drawing/2014/main" id="{53A3C963-BA34-6CA8-A634-905D53CAA1E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61920" y="549159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a0005013d1434eca8799fe0021a266e0_ShapePercentage" hidden="1">
            <a:extLst>
              <a:ext uri="{FF2B5EF4-FFF2-40B4-BE49-F238E27FC236}">
                <a16:creationId xmlns:a16="http://schemas.microsoft.com/office/drawing/2014/main" id="{65AE5B8C-B1CE-2E85-DDE8-DAC94BF3C78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237020" y="549159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T_db841b2dc0b5434e83008cd4d4e540bc_ShapePercentage" hidden="1">
            <a:extLst>
              <a:ext uri="{FF2B5EF4-FFF2-40B4-BE49-F238E27FC236}">
                <a16:creationId xmlns:a16="http://schemas.microsoft.com/office/drawing/2014/main" id="{EC8ACBE7-786F-AEA6-00AA-298A9653F43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646641" y="549159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da01a58869b642ab80829fa4b14142a2_ShapePercentage" hidden="1">
            <a:extLst>
              <a:ext uri="{FF2B5EF4-FFF2-40B4-BE49-F238E27FC236}">
                <a16:creationId xmlns:a16="http://schemas.microsoft.com/office/drawing/2014/main" id="{BAB5C9AB-D536-DAE3-34FF-0FA4C8F4E4E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804374" y="31105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852470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100626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981695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5240726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24" name="OTLSHAPE_SL2A_b8ab301f25904329aa86a8c8f2f1449c_Header" hidden="1">
            <a:extLst>
              <a:ext uri="{FF2B5EF4-FFF2-40B4-BE49-F238E27FC236}">
                <a16:creationId xmlns:a16="http://schemas.microsoft.com/office/drawing/2014/main" id="{C21D6C29-87CC-776C-4823-8D5B829758F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0" name="OTLSHAPE_SL2A_0cf5ce3365364990a6c845bc97f238d5_Header" hidden="1">
            <a:extLst>
              <a:ext uri="{FF2B5EF4-FFF2-40B4-BE49-F238E27FC236}">
                <a16:creationId xmlns:a16="http://schemas.microsoft.com/office/drawing/2014/main" id="{8F2FB5A9-20F3-F341-947A-6999B2ABB53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2A_3584b0cc80fd496590315cd169aef7d3_Header" hidden="1">
            <a:extLst>
              <a:ext uri="{FF2B5EF4-FFF2-40B4-BE49-F238E27FC236}">
                <a16:creationId xmlns:a16="http://schemas.microsoft.com/office/drawing/2014/main" id="{F4EB97EF-75DC-A8ED-A70F-8F807F59112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2A_5ef91f4e4abc436ba790aa55f2c8145b_Header" hidden="1">
            <a:extLst>
              <a:ext uri="{FF2B5EF4-FFF2-40B4-BE49-F238E27FC236}">
                <a16:creationId xmlns:a16="http://schemas.microsoft.com/office/drawing/2014/main" id="{9BC8757F-DE41-F5F8-B4F8-AA37A194F0A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89EE8D98-8968-B564-938E-B4C960A03D4E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239447" y="232683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357376" y="202781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922373" y="202781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15869" y="202781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37865" y="202781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903676" y="28679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654849" y="286023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04606" y="26176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09614" y="2609879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321131" y="311059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086968" y="370021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679217" y="3700216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181613" y="4336995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430688" y="43369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317581" y="45456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644319" y="533656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1 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372158" y="547758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644319" y="5618594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237020" y="5618594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861920" y="533656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861920" y="561859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646641" y="561859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218761" y="594714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855499" y="311059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012492" y="4754232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282244" y="594714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828844" y="594714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078895" y="6217834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l-time Reporting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26110" y="621783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99176" y="594714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327382" y="594714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346500" y="311059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 + Release Plans</a:t>
            </a:r>
          </a:p>
        </p:txBody>
      </p:sp>
      <p:sp>
        <p:nvSpPr>
          <p:cNvPr id="12" name="OTLSHAPE_TB_00000000000000000000000000000000_TodayMarkerText" hidden="1">
            <a:extLst>
              <a:ext uri="{FF2B5EF4-FFF2-40B4-BE49-F238E27FC236}">
                <a16:creationId xmlns:a16="http://schemas.microsoft.com/office/drawing/2014/main" id="{F9AC239E-EFFD-B17E-47C3-131736DDBC0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7" name="OTLSHAPE_SLT_1f3ecdb523214d1c858ab8fb12392a13_Duration" hidden="1">
            <a:extLst>
              <a:ext uri="{FF2B5EF4-FFF2-40B4-BE49-F238E27FC236}">
                <a16:creationId xmlns:a16="http://schemas.microsoft.com/office/drawing/2014/main" id="{49843784-F63B-AD86-C841-C9598879AE7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2.8 days</a:t>
            </a:r>
          </a:p>
        </p:txBody>
      </p:sp>
      <p:sp>
        <p:nvSpPr>
          <p:cNvPr id="30" name="OTLSHAPE_SLT_1f3ecdb523214d1c858ab8fb12392a13_JoinedDate" hidden="1">
            <a:extLst>
              <a:ext uri="{FF2B5EF4-FFF2-40B4-BE49-F238E27FC236}">
                <a16:creationId xmlns:a16="http://schemas.microsoft.com/office/drawing/2014/main" id="{1BF62F92-75D5-83CB-E208-280726D0503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32" name="OTLSHAPE_SLT_1f3ecdb523214d1c858ab8fb12392a13_StartDate" hidden="1">
            <a:extLst>
              <a:ext uri="{FF2B5EF4-FFF2-40B4-BE49-F238E27FC236}">
                <a16:creationId xmlns:a16="http://schemas.microsoft.com/office/drawing/2014/main" id="{D4F7F017-390F-F070-4145-5454549403E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1f3ecdb523214d1c858ab8fb12392a13_EndDate" hidden="1">
            <a:extLst>
              <a:ext uri="{FF2B5EF4-FFF2-40B4-BE49-F238E27FC236}">
                <a16:creationId xmlns:a16="http://schemas.microsoft.com/office/drawing/2014/main" id="{A7C4B8C0-C479-4005-F7A8-98D9E2F1A6D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f0bab4e98f54763a82568a5d219a5c7_Duration" hidden="1">
            <a:extLst>
              <a:ext uri="{FF2B5EF4-FFF2-40B4-BE49-F238E27FC236}">
                <a16:creationId xmlns:a16="http://schemas.microsoft.com/office/drawing/2014/main" id="{44B17299-CC5A-590C-CF02-479A8C7558D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54" name="OTLSHAPE_SLT_bf0bab4e98f54763a82568a5d219a5c7_JoinedDate" hidden="1">
            <a:extLst>
              <a:ext uri="{FF2B5EF4-FFF2-40B4-BE49-F238E27FC236}">
                <a16:creationId xmlns:a16="http://schemas.microsoft.com/office/drawing/2014/main" id="{AECCFEBE-7BB0-41EE-01DD-BCB97AB84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56" name="OTLSHAPE_SLT_bf0bab4e98f54763a82568a5d219a5c7_StartDate" hidden="1">
            <a:extLst>
              <a:ext uri="{FF2B5EF4-FFF2-40B4-BE49-F238E27FC236}">
                <a16:creationId xmlns:a16="http://schemas.microsoft.com/office/drawing/2014/main" id="{CE652054-DF9B-AEE6-6365-4B421C84284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bf0bab4e98f54763a82568a5d219a5c7_EndDate" hidden="1">
            <a:extLst>
              <a:ext uri="{FF2B5EF4-FFF2-40B4-BE49-F238E27FC236}">
                <a16:creationId xmlns:a16="http://schemas.microsoft.com/office/drawing/2014/main" id="{0D545C7D-4A2D-05E9-488D-A9626A039F6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79eebf0cc03e4ea08540b80882717e0a_Duration" hidden="1">
            <a:extLst>
              <a:ext uri="{FF2B5EF4-FFF2-40B4-BE49-F238E27FC236}">
                <a16:creationId xmlns:a16="http://schemas.microsoft.com/office/drawing/2014/main" id="{6E9EAFC7-108E-AEAE-8001-65D2768339A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6.3 days</a:t>
            </a:r>
          </a:p>
        </p:txBody>
      </p:sp>
      <p:sp>
        <p:nvSpPr>
          <p:cNvPr id="61" name="OTLSHAPE_SLT_79eebf0cc03e4ea08540b80882717e0a_TextPercentage" hidden="1">
            <a:extLst>
              <a:ext uri="{FF2B5EF4-FFF2-40B4-BE49-F238E27FC236}">
                <a16:creationId xmlns:a16="http://schemas.microsoft.com/office/drawing/2014/main" id="{5A2B2C6B-96AD-451A-FD98-6B517E14412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63" name="OTLSHAPE_SLT_79eebf0cc03e4ea08540b80882717e0a_JoinedDate" hidden="1">
            <a:extLst>
              <a:ext uri="{FF2B5EF4-FFF2-40B4-BE49-F238E27FC236}">
                <a16:creationId xmlns:a16="http://schemas.microsoft.com/office/drawing/2014/main" id="{06023BBB-6734-18FF-494C-9BB5BFE15BD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448" name="OTLSHAPE_SLT_79eebf0cc03e4ea08540b80882717e0a_StartDate" hidden="1">
            <a:extLst>
              <a:ext uri="{FF2B5EF4-FFF2-40B4-BE49-F238E27FC236}">
                <a16:creationId xmlns:a16="http://schemas.microsoft.com/office/drawing/2014/main" id="{6B0E7080-B12F-F21D-F600-BB15A0C6555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SLT_79eebf0cc03e4ea08540b80882717e0a_EndDate" hidden="1">
            <a:extLst>
              <a:ext uri="{FF2B5EF4-FFF2-40B4-BE49-F238E27FC236}">
                <a16:creationId xmlns:a16="http://schemas.microsoft.com/office/drawing/2014/main" id="{33F03B9D-DE6C-A39C-D6AD-086E9D639B9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SLT_eeb83e503ffe4a72a203fede87f23081_Duration" hidden="1">
            <a:extLst>
              <a:ext uri="{FF2B5EF4-FFF2-40B4-BE49-F238E27FC236}">
                <a16:creationId xmlns:a16="http://schemas.microsoft.com/office/drawing/2014/main" id="{A887999F-23E0-CA05-3129-9EC9A0C89AA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452" name="OTLSHAPE_SLT_eeb83e503ffe4a72a203fede87f23081_TextPercentage" hidden="1">
            <a:extLst>
              <a:ext uri="{FF2B5EF4-FFF2-40B4-BE49-F238E27FC236}">
                <a16:creationId xmlns:a16="http://schemas.microsoft.com/office/drawing/2014/main" id="{9DA27CB6-B7DA-A212-E82A-08243BC5499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53" name="OTLSHAPE_SLT_eeb83e503ffe4a72a203fede87f23081_JoinedDate" hidden="1">
            <a:extLst>
              <a:ext uri="{FF2B5EF4-FFF2-40B4-BE49-F238E27FC236}">
                <a16:creationId xmlns:a16="http://schemas.microsoft.com/office/drawing/2014/main" id="{CDA4D96C-24FD-2482-23FD-9485D754ECB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68" name="OTLSHAPE_SLT_eeb83e503ffe4a72a203fede87f23081_StartDate" hidden="1">
            <a:extLst>
              <a:ext uri="{FF2B5EF4-FFF2-40B4-BE49-F238E27FC236}">
                <a16:creationId xmlns:a16="http://schemas.microsoft.com/office/drawing/2014/main" id="{78319191-6FAF-3D42-7A2B-C0F7AEE0A49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T_eeb83e503ffe4a72a203fede87f23081_EndDate" hidden="1">
            <a:extLst>
              <a:ext uri="{FF2B5EF4-FFF2-40B4-BE49-F238E27FC236}">
                <a16:creationId xmlns:a16="http://schemas.microsoft.com/office/drawing/2014/main" id="{811A22D4-AF9E-6615-02C8-61C93E2A409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SLT_118aa262c9b048e19e0b2ecc51e36c38_Duration" hidden="1">
            <a:extLst>
              <a:ext uri="{FF2B5EF4-FFF2-40B4-BE49-F238E27FC236}">
                <a16:creationId xmlns:a16="http://schemas.microsoft.com/office/drawing/2014/main" id="{CB128D3D-2D5B-7759-3A30-83AEEBE9C4A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72" name="OTLSHAPE_SLT_118aa262c9b048e19e0b2ecc51e36c38_TextPercentage" hidden="1">
            <a:extLst>
              <a:ext uri="{FF2B5EF4-FFF2-40B4-BE49-F238E27FC236}">
                <a16:creationId xmlns:a16="http://schemas.microsoft.com/office/drawing/2014/main" id="{C2E24654-B231-CF31-4A74-E3A488A2E1D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73" name="OTLSHAPE_SLT_118aa262c9b048e19e0b2ecc51e36c38_JoinedDate" hidden="1">
            <a:extLst>
              <a:ext uri="{FF2B5EF4-FFF2-40B4-BE49-F238E27FC236}">
                <a16:creationId xmlns:a16="http://schemas.microsoft.com/office/drawing/2014/main" id="{C81899AB-3E03-D75E-9315-B25111120B5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74" name="OTLSHAPE_SLT_118aa262c9b048e19e0b2ecc51e36c38_StartDate" hidden="1">
            <a:extLst>
              <a:ext uri="{FF2B5EF4-FFF2-40B4-BE49-F238E27FC236}">
                <a16:creationId xmlns:a16="http://schemas.microsoft.com/office/drawing/2014/main" id="{AF80D781-FA0D-D88F-63B4-15D1EC4AB17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SLT_118aa262c9b048e19e0b2ecc51e36c38_EndDate" hidden="1">
            <a:extLst>
              <a:ext uri="{FF2B5EF4-FFF2-40B4-BE49-F238E27FC236}">
                <a16:creationId xmlns:a16="http://schemas.microsoft.com/office/drawing/2014/main" id="{E8455504-5BCB-DBDD-8065-4BA27D2FD8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3" name="OTLSHAPE_SLT_44de9765e7204557b88297f4709b8c30_Duration" hidden="1">
            <a:extLst>
              <a:ext uri="{FF2B5EF4-FFF2-40B4-BE49-F238E27FC236}">
                <a16:creationId xmlns:a16="http://schemas.microsoft.com/office/drawing/2014/main" id="{870FC00B-1FCF-5EF2-E936-1EE0C7AB435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5.9 days</a:t>
            </a:r>
          </a:p>
        </p:txBody>
      </p:sp>
      <p:sp>
        <p:nvSpPr>
          <p:cNvPr id="484" name="OTLSHAPE_SLT_44de9765e7204557b88297f4709b8c30_TextPercentage" hidden="1">
            <a:extLst>
              <a:ext uri="{FF2B5EF4-FFF2-40B4-BE49-F238E27FC236}">
                <a16:creationId xmlns:a16="http://schemas.microsoft.com/office/drawing/2014/main" id="{235F773E-993F-B5E6-B173-F51D8FC96F5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SLT_44de9765e7204557b88297f4709b8c30_JoinedDate" hidden="1">
            <a:extLst>
              <a:ext uri="{FF2B5EF4-FFF2-40B4-BE49-F238E27FC236}">
                <a16:creationId xmlns:a16="http://schemas.microsoft.com/office/drawing/2014/main" id="{6F1613F1-7FAD-206B-C2AC-E38379F0E84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486" name="OTLSHAPE_SLT_44de9765e7204557b88297f4709b8c30_StartDate" hidden="1">
            <a:extLst>
              <a:ext uri="{FF2B5EF4-FFF2-40B4-BE49-F238E27FC236}">
                <a16:creationId xmlns:a16="http://schemas.microsoft.com/office/drawing/2014/main" id="{59F1631F-543F-41DE-A7E1-EDC1A2B9BB7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SLT_44de9765e7204557b88297f4709b8c30_EndDate" hidden="1">
            <a:extLst>
              <a:ext uri="{FF2B5EF4-FFF2-40B4-BE49-F238E27FC236}">
                <a16:creationId xmlns:a16="http://schemas.microsoft.com/office/drawing/2014/main" id="{26B4B47A-86D9-0DDB-57A9-2B2F46611A7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SLT_8d38abf6434f49b59dc24ae1ee36935e_Duration" hidden="1">
            <a:extLst>
              <a:ext uri="{FF2B5EF4-FFF2-40B4-BE49-F238E27FC236}">
                <a16:creationId xmlns:a16="http://schemas.microsoft.com/office/drawing/2014/main" id="{29B59491-83EE-4273-2023-E088C09E48B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.3 days</a:t>
            </a:r>
          </a:p>
        </p:txBody>
      </p:sp>
      <p:sp>
        <p:nvSpPr>
          <p:cNvPr id="490" name="OTLSHAPE_SLT_8d38abf6434f49b59dc24ae1ee36935e_TextPercentage" hidden="1">
            <a:extLst>
              <a:ext uri="{FF2B5EF4-FFF2-40B4-BE49-F238E27FC236}">
                <a16:creationId xmlns:a16="http://schemas.microsoft.com/office/drawing/2014/main" id="{7E12D339-901E-BAB0-1609-EE3B61BC9D0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SLT_8d38abf6434f49b59dc24ae1ee36935e_JoinedDate" hidden="1">
            <a:extLst>
              <a:ext uri="{FF2B5EF4-FFF2-40B4-BE49-F238E27FC236}">
                <a16:creationId xmlns:a16="http://schemas.microsoft.com/office/drawing/2014/main" id="{5218C721-443B-47FB-5BC5-9BB5F6D8619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492" name="OTLSHAPE_SLT_8d38abf6434f49b59dc24ae1ee36935e_StartDate" hidden="1">
            <a:extLst>
              <a:ext uri="{FF2B5EF4-FFF2-40B4-BE49-F238E27FC236}">
                <a16:creationId xmlns:a16="http://schemas.microsoft.com/office/drawing/2014/main" id="{A22F0EC8-A03C-5F75-2627-19B3A8A2186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SLT_8d38abf6434f49b59dc24ae1ee36935e_EndDate" hidden="1">
            <a:extLst>
              <a:ext uri="{FF2B5EF4-FFF2-40B4-BE49-F238E27FC236}">
                <a16:creationId xmlns:a16="http://schemas.microsoft.com/office/drawing/2014/main" id="{5085E70D-A1C0-2738-A343-E4D55FA8126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SLT_c7770eb3e434445083ebf0cda53241c7_Duration" hidden="1">
            <a:extLst>
              <a:ext uri="{FF2B5EF4-FFF2-40B4-BE49-F238E27FC236}">
                <a16:creationId xmlns:a16="http://schemas.microsoft.com/office/drawing/2014/main" id="{FF0B94A5-78D0-9DED-6408-57D8FC927CA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01" name="OTLSHAPE_SLT_c7770eb3e434445083ebf0cda53241c7_TextPercentage" hidden="1">
            <a:extLst>
              <a:ext uri="{FF2B5EF4-FFF2-40B4-BE49-F238E27FC236}">
                <a16:creationId xmlns:a16="http://schemas.microsoft.com/office/drawing/2014/main" id="{6D07D207-84AE-F087-D521-2DDF2D3E05F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SLT_c7770eb3e434445083ebf0cda53241c7_JoinedDate" hidden="1">
            <a:extLst>
              <a:ext uri="{FF2B5EF4-FFF2-40B4-BE49-F238E27FC236}">
                <a16:creationId xmlns:a16="http://schemas.microsoft.com/office/drawing/2014/main" id="{C837408C-A1E6-921F-3EB4-06740F9D965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503" name="OTLSHAPE_SLT_c7770eb3e434445083ebf0cda53241c7_StartDate" hidden="1">
            <a:extLst>
              <a:ext uri="{FF2B5EF4-FFF2-40B4-BE49-F238E27FC236}">
                <a16:creationId xmlns:a16="http://schemas.microsoft.com/office/drawing/2014/main" id="{0B76AC1C-BF66-5E2B-FB1B-00E679D6785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T_c7770eb3e434445083ebf0cda53241c7_EndDate" hidden="1">
            <a:extLst>
              <a:ext uri="{FF2B5EF4-FFF2-40B4-BE49-F238E27FC236}">
                <a16:creationId xmlns:a16="http://schemas.microsoft.com/office/drawing/2014/main" id="{24CDE43D-A789-35FD-9B5C-BC4026F2EAB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SLT_40c7696c8b3a4b1db83d76730e5d92c2_Duration" hidden="1">
            <a:extLst>
              <a:ext uri="{FF2B5EF4-FFF2-40B4-BE49-F238E27FC236}">
                <a16:creationId xmlns:a16="http://schemas.microsoft.com/office/drawing/2014/main" id="{0BEE73C7-D2C3-19D4-E1EC-E31E2F25611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2.5 days</a:t>
            </a:r>
          </a:p>
        </p:txBody>
      </p:sp>
      <p:sp>
        <p:nvSpPr>
          <p:cNvPr id="507" name="OTLSHAPE_SLT_40c7696c8b3a4b1db83d76730e5d92c2_TextPercentage" hidden="1">
            <a:extLst>
              <a:ext uri="{FF2B5EF4-FFF2-40B4-BE49-F238E27FC236}">
                <a16:creationId xmlns:a16="http://schemas.microsoft.com/office/drawing/2014/main" id="{2006B065-570D-6981-5824-2CBCB7ADE33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T_40c7696c8b3a4b1db83d76730e5d92c2_JoinedDate" hidden="1">
            <a:extLst>
              <a:ext uri="{FF2B5EF4-FFF2-40B4-BE49-F238E27FC236}">
                <a16:creationId xmlns:a16="http://schemas.microsoft.com/office/drawing/2014/main" id="{5043BF3C-8C6F-8B32-0496-7DC4B9B2D77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509" name="OTLSHAPE_SLT_40c7696c8b3a4b1db83d76730e5d92c2_StartDate" hidden="1">
            <a:extLst>
              <a:ext uri="{FF2B5EF4-FFF2-40B4-BE49-F238E27FC236}">
                <a16:creationId xmlns:a16="http://schemas.microsoft.com/office/drawing/2014/main" id="{2C317669-4AC1-F36F-889A-626F7282A16B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SLT_40c7696c8b3a4b1db83d76730e5d92c2_EndDate" hidden="1">
            <a:extLst>
              <a:ext uri="{FF2B5EF4-FFF2-40B4-BE49-F238E27FC236}">
                <a16:creationId xmlns:a16="http://schemas.microsoft.com/office/drawing/2014/main" id="{846B9EFF-DEDD-42E7-DBE4-2E88F1C43F3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f1b03b9fadb246d6b74eef66d2c662d1_Duration" hidden="1">
            <a:extLst>
              <a:ext uri="{FF2B5EF4-FFF2-40B4-BE49-F238E27FC236}">
                <a16:creationId xmlns:a16="http://schemas.microsoft.com/office/drawing/2014/main" id="{6C57601E-E670-8708-FD10-8035222FBD8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3" name="OTLSHAPE_SLT_f1b03b9fadb246d6b74eef66d2c662d1_TextPercentage" hidden="1">
            <a:extLst>
              <a:ext uri="{FF2B5EF4-FFF2-40B4-BE49-F238E27FC236}">
                <a16:creationId xmlns:a16="http://schemas.microsoft.com/office/drawing/2014/main" id="{D49D41CD-1398-8E6D-AA64-EF5FEFB3A94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f1b03b9fadb246d6b74eef66d2c662d1_JoinedDate" hidden="1">
            <a:extLst>
              <a:ext uri="{FF2B5EF4-FFF2-40B4-BE49-F238E27FC236}">
                <a16:creationId xmlns:a16="http://schemas.microsoft.com/office/drawing/2014/main" id="{597E42D8-381D-E4CC-700E-BE37FD914306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76" name="OTLSHAPE_SLT_f1b03b9fadb246d6b74eef66d2c662d1_StartDate" hidden="1">
            <a:extLst>
              <a:ext uri="{FF2B5EF4-FFF2-40B4-BE49-F238E27FC236}">
                <a16:creationId xmlns:a16="http://schemas.microsoft.com/office/drawing/2014/main" id="{3833192E-ADCF-0481-330E-1A3A58E14EB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f1b03b9fadb246d6b74eef66d2c662d1_EndDate" hidden="1">
            <a:extLst>
              <a:ext uri="{FF2B5EF4-FFF2-40B4-BE49-F238E27FC236}">
                <a16:creationId xmlns:a16="http://schemas.microsoft.com/office/drawing/2014/main" id="{D4AFA3A9-DAD6-643F-5C1B-D4890D2FD0B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c60910096d5a4b6f9de76b63feadcf94_Duration" hidden="1">
            <a:extLst>
              <a:ext uri="{FF2B5EF4-FFF2-40B4-BE49-F238E27FC236}">
                <a16:creationId xmlns:a16="http://schemas.microsoft.com/office/drawing/2014/main" id="{A3FBDB14-EDAB-469B-AF68-B469DD14AB4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1.2 days</a:t>
            </a:r>
          </a:p>
        </p:txBody>
      </p:sp>
      <p:sp>
        <p:nvSpPr>
          <p:cNvPr id="81" name="OTLSHAPE_SLT_c60910096d5a4b6f9de76b63feadcf94_TextPercentage" hidden="1">
            <a:extLst>
              <a:ext uri="{FF2B5EF4-FFF2-40B4-BE49-F238E27FC236}">
                <a16:creationId xmlns:a16="http://schemas.microsoft.com/office/drawing/2014/main" id="{86C91D7D-737E-8555-EB04-490D27E5D65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82" name="OTLSHAPE_SLT_c60910096d5a4b6f9de76b63feadcf94_JoinedDate" hidden="1">
            <a:extLst>
              <a:ext uri="{FF2B5EF4-FFF2-40B4-BE49-F238E27FC236}">
                <a16:creationId xmlns:a16="http://schemas.microsoft.com/office/drawing/2014/main" id="{4B79C1A0-9E1B-618C-062F-BB2169E90D5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83" name="OTLSHAPE_SLT_c60910096d5a4b6f9de76b63feadcf94_StartDate" hidden="1">
            <a:extLst>
              <a:ext uri="{FF2B5EF4-FFF2-40B4-BE49-F238E27FC236}">
                <a16:creationId xmlns:a16="http://schemas.microsoft.com/office/drawing/2014/main" id="{6A08C25E-00C3-D4D7-7985-9467E87EA47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c60910096d5a4b6f9de76b63feadcf94_EndDate" hidden="1">
            <a:extLst>
              <a:ext uri="{FF2B5EF4-FFF2-40B4-BE49-F238E27FC236}">
                <a16:creationId xmlns:a16="http://schemas.microsoft.com/office/drawing/2014/main" id="{666FFD91-2B50-807B-5DA0-0057041AE70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1feb0897c2b47d28678366d0661913b_JoinedDate" hidden="1">
            <a:extLst>
              <a:ext uri="{FF2B5EF4-FFF2-40B4-BE49-F238E27FC236}">
                <a16:creationId xmlns:a16="http://schemas.microsoft.com/office/drawing/2014/main" id="{9D7AE8F4-EE07-A99C-5F69-D409BCAA287D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17 - Mar 31</a:t>
            </a:r>
          </a:p>
        </p:txBody>
      </p:sp>
      <p:sp>
        <p:nvSpPr>
          <p:cNvPr id="91" name="OTLSHAPE_SLT_71feb0897c2b47d28678366d0661913b_StartDate" hidden="1">
            <a:extLst>
              <a:ext uri="{FF2B5EF4-FFF2-40B4-BE49-F238E27FC236}">
                <a16:creationId xmlns:a16="http://schemas.microsoft.com/office/drawing/2014/main" id="{0AF63915-C2D3-E9E4-3AC7-30A4265A062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71feb0897c2b47d28678366d0661913b_EndDate" hidden="1">
            <a:extLst>
              <a:ext uri="{FF2B5EF4-FFF2-40B4-BE49-F238E27FC236}">
                <a16:creationId xmlns:a16="http://schemas.microsoft.com/office/drawing/2014/main" id="{91519C00-D25C-37C6-12FF-9438DE3C1B0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fa8886b769a54c02817aaba54576e921_TextPercentage" hidden="1">
            <a:extLst>
              <a:ext uri="{FF2B5EF4-FFF2-40B4-BE49-F238E27FC236}">
                <a16:creationId xmlns:a16="http://schemas.microsoft.com/office/drawing/2014/main" id="{47860270-60CC-E83E-B507-B5F47E24C84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fa8886b769a54c02817aaba54576e921_JoinedDate" hidden="1">
            <a:extLst>
              <a:ext uri="{FF2B5EF4-FFF2-40B4-BE49-F238E27FC236}">
                <a16:creationId xmlns:a16="http://schemas.microsoft.com/office/drawing/2014/main" id="{2036C0E3-B4A5-A1C4-D02F-868ABB6C030B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97" name="OTLSHAPE_SLT_fa8886b769a54c02817aaba54576e921_StartDate" hidden="1">
            <a:extLst>
              <a:ext uri="{FF2B5EF4-FFF2-40B4-BE49-F238E27FC236}">
                <a16:creationId xmlns:a16="http://schemas.microsoft.com/office/drawing/2014/main" id="{33040000-3BBD-06EB-D297-95A1C7D9FC8E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fa8886b769a54c02817aaba54576e921_EndDate" hidden="1">
            <a:extLst>
              <a:ext uri="{FF2B5EF4-FFF2-40B4-BE49-F238E27FC236}">
                <a16:creationId xmlns:a16="http://schemas.microsoft.com/office/drawing/2014/main" id="{606E08D0-4C8F-917D-3026-6D0F9064A42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a0005013d1434eca8799fe0021a266e0_Duration" hidden="1">
            <a:extLst>
              <a:ext uri="{FF2B5EF4-FFF2-40B4-BE49-F238E27FC236}">
                <a16:creationId xmlns:a16="http://schemas.microsoft.com/office/drawing/2014/main" id="{82AE3F9A-8507-C192-33F5-2E137425A3CC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101" name="OTLSHAPE_SLT_a0005013d1434eca8799fe0021a266e0_TextPercentage" hidden="1">
            <a:extLst>
              <a:ext uri="{FF2B5EF4-FFF2-40B4-BE49-F238E27FC236}">
                <a16:creationId xmlns:a16="http://schemas.microsoft.com/office/drawing/2014/main" id="{2B882A17-6D2F-D197-5957-BD3580EDE28D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a0005013d1434eca8799fe0021a266e0_JoinedDate" hidden="1">
            <a:extLst>
              <a:ext uri="{FF2B5EF4-FFF2-40B4-BE49-F238E27FC236}">
                <a16:creationId xmlns:a16="http://schemas.microsoft.com/office/drawing/2014/main" id="{14942F75-8DD3-D8BA-772D-E14AA98DDA9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105" name="OTLSHAPE_SLT_a0005013d1434eca8799fe0021a266e0_StartDate" hidden="1">
            <a:extLst>
              <a:ext uri="{FF2B5EF4-FFF2-40B4-BE49-F238E27FC236}">
                <a16:creationId xmlns:a16="http://schemas.microsoft.com/office/drawing/2014/main" id="{67CC048F-0862-266C-A1F4-960696C65981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a0005013d1434eca8799fe0021a266e0_EndDate" hidden="1">
            <a:extLst>
              <a:ext uri="{FF2B5EF4-FFF2-40B4-BE49-F238E27FC236}">
                <a16:creationId xmlns:a16="http://schemas.microsoft.com/office/drawing/2014/main" id="{9214164B-6AF1-2F4D-D75B-2926C3F5642B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db841b2dc0b5434e83008cd4d4e540bc_Duration" hidden="1">
            <a:extLst>
              <a:ext uri="{FF2B5EF4-FFF2-40B4-BE49-F238E27FC236}">
                <a16:creationId xmlns:a16="http://schemas.microsoft.com/office/drawing/2014/main" id="{16BB879A-E18A-100A-8175-1A316E29D96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7.1 days</a:t>
            </a:r>
          </a:p>
        </p:txBody>
      </p:sp>
      <p:sp>
        <p:nvSpPr>
          <p:cNvPr id="109" name="OTLSHAPE_SLT_db841b2dc0b5434e83008cd4d4e540bc_TextPercentage" hidden="1">
            <a:extLst>
              <a:ext uri="{FF2B5EF4-FFF2-40B4-BE49-F238E27FC236}">
                <a16:creationId xmlns:a16="http://schemas.microsoft.com/office/drawing/2014/main" id="{0CB394DC-88B1-8DA9-F6CE-6667F618341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db841b2dc0b5434e83008cd4d4e540bc_JoinedDate" hidden="1">
            <a:extLst>
              <a:ext uri="{FF2B5EF4-FFF2-40B4-BE49-F238E27FC236}">
                <a16:creationId xmlns:a16="http://schemas.microsoft.com/office/drawing/2014/main" id="{C6023652-0C92-A9CB-5118-A849D57DCA06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15" name="OTLSHAPE_SLT_db841b2dc0b5434e83008cd4d4e540bc_StartDate" hidden="1">
            <a:extLst>
              <a:ext uri="{FF2B5EF4-FFF2-40B4-BE49-F238E27FC236}">
                <a16:creationId xmlns:a16="http://schemas.microsoft.com/office/drawing/2014/main" id="{8BBA6687-614F-441D-B23B-500542EB1C3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db841b2dc0b5434e83008cd4d4e540bc_EndDate" hidden="1">
            <a:extLst>
              <a:ext uri="{FF2B5EF4-FFF2-40B4-BE49-F238E27FC236}">
                <a16:creationId xmlns:a16="http://schemas.microsoft.com/office/drawing/2014/main" id="{08941042-2A9A-43BD-2D73-E20FD490ACB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M_27e0e90c8e61460f88da93ab404fc85d_Date" hidden="1">
            <a:extLst>
              <a:ext uri="{FF2B5EF4-FFF2-40B4-BE49-F238E27FC236}">
                <a16:creationId xmlns:a16="http://schemas.microsoft.com/office/drawing/2014/main" id="{9E95AAEF-2752-770D-DE73-8605EF7505A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44" name="OTLSHAPE_SLM_05f5e22b071042a1a1dc59615bb4c469_Date" hidden="1">
            <a:extLst>
              <a:ext uri="{FF2B5EF4-FFF2-40B4-BE49-F238E27FC236}">
                <a16:creationId xmlns:a16="http://schemas.microsoft.com/office/drawing/2014/main" id="{D4E4A209-1F4A-D95D-75E6-6005528EAE1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46" name="OTLSHAPE_SLM_38f7caf9b7404674b5040d0ab204f9f9_Date" hidden="1">
            <a:extLst>
              <a:ext uri="{FF2B5EF4-FFF2-40B4-BE49-F238E27FC236}">
                <a16:creationId xmlns:a16="http://schemas.microsoft.com/office/drawing/2014/main" id="{F3021064-F5B8-371B-036B-09C9009C7E3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47" name="OTLSHAPE_SLM_5024da5f4d8841748a89544126f9da82_Date" hidden="1">
            <a:extLst>
              <a:ext uri="{FF2B5EF4-FFF2-40B4-BE49-F238E27FC236}">
                <a16:creationId xmlns:a16="http://schemas.microsoft.com/office/drawing/2014/main" id="{60AF5625-B437-0010-E880-EA0628CC519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48" name="OTLSHAPE_SLM_42c1a0ca0ec74680a58bbd3c49f9125b_Date" hidden="1">
            <a:extLst>
              <a:ext uri="{FF2B5EF4-FFF2-40B4-BE49-F238E27FC236}">
                <a16:creationId xmlns:a16="http://schemas.microsoft.com/office/drawing/2014/main" id="{1879B8A6-1E4F-A111-7081-3FE2FE0789C5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150" name="OTLSHAPE_SLM_0fe6e6c4d349427c81caccf576ba460c_Date" hidden="1">
            <a:extLst>
              <a:ext uri="{FF2B5EF4-FFF2-40B4-BE49-F238E27FC236}">
                <a16:creationId xmlns:a16="http://schemas.microsoft.com/office/drawing/2014/main" id="{12DC1135-D376-1470-05F1-A9413046A744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151" name="OTLSHAPE_SLM_7695617a14a84c95a269c6cd4b4f335a_Date" hidden="1">
            <a:extLst>
              <a:ext uri="{FF2B5EF4-FFF2-40B4-BE49-F238E27FC236}">
                <a16:creationId xmlns:a16="http://schemas.microsoft.com/office/drawing/2014/main" id="{8585FD0F-6C1A-4BF4-5FEB-D4609E121E77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sp>
        <p:nvSpPr>
          <p:cNvPr id="194" name="OTLSHAPE_SLT_da01a58869b642ab80829fa4b14142a2_Duration" hidden="1">
            <a:extLst>
              <a:ext uri="{FF2B5EF4-FFF2-40B4-BE49-F238E27FC236}">
                <a16:creationId xmlns:a16="http://schemas.microsoft.com/office/drawing/2014/main" id="{37B459A8-4F8C-C373-75DC-6E65DC025955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95" name="OTLSHAPE_SLT_da01a58869b642ab80829fa4b14142a2_JoinedDate" hidden="1">
            <a:extLst>
              <a:ext uri="{FF2B5EF4-FFF2-40B4-BE49-F238E27FC236}">
                <a16:creationId xmlns:a16="http://schemas.microsoft.com/office/drawing/2014/main" id="{E6C0BCD9-1B80-0070-E4B1-A428CCBDFDBE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196" name="OTLSHAPE_SLT_da01a58869b642ab80829fa4b14142a2_StartDate" hidden="1">
            <a:extLst>
              <a:ext uri="{FF2B5EF4-FFF2-40B4-BE49-F238E27FC236}">
                <a16:creationId xmlns:a16="http://schemas.microsoft.com/office/drawing/2014/main" id="{680DA879-431E-BFE3-8C2E-D5D29272E94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da01a58869b642ab80829fa4b14142a2_EndDate" hidden="1">
            <a:extLst>
              <a:ext uri="{FF2B5EF4-FFF2-40B4-BE49-F238E27FC236}">
                <a16:creationId xmlns:a16="http://schemas.microsoft.com/office/drawing/2014/main" id="{ECDDD3A6-6023-0306-3AF6-FFEB3977521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da01a58869b642ab80829fa4b14142a2_TextPercentage">
            <a:extLst>
              <a:ext uri="{FF2B5EF4-FFF2-40B4-BE49-F238E27FC236}">
                <a16:creationId xmlns:a16="http://schemas.microsoft.com/office/drawing/2014/main" id="{97AD3A44-AE5C-F947-B047-DD5D5FAB1961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096110" y="311834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99" name="OTLSHAPE_SLT_da01a58869b642ab80829fa4b14142a2_Title">
            <a:extLst>
              <a:ext uri="{FF2B5EF4-FFF2-40B4-BE49-F238E27FC236}">
                <a16:creationId xmlns:a16="http://schemas.microsoft.com/office/drawing/2014/main" id="{4C3FCC4A-D4D2-7260-438C-3A5CD66CFBE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3263298" y="3110598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als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3858872" y="203473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6452369" y="203473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9074365" y="203473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3744553" y="175533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6452069" y="175533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8874546" y="175533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11268542" y="175533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SLA_966ac8e38d974bfeae23890a126b2a79_Shape">
            <a:extLst>
              <a:ext uri="{FF2B5EF4-FFF2-40B4-BE49-F238E27FC236}">
                <a16:creationId xmlns:a16="http://schemas.microsoft.com/office/drawing/2014/main" id="{9459ABBC-46B4-B416-F80C-BAE659AB4CF1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1635556" y="2568138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A_0723a534b8b04d848ad49d960b833b9c_Shape">
            <a:extLst>
              <a:ext uri="{FF2B5EF4-FFF2-40B4-BE49-F238E27FC236}">
                <a16:creationId xmlns:a16="http://schemas.microsoft.com/office/drawing/2014/main" id="{C7DFC8BF-6D90-4CD5-DF4F-FF37941A8E4D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3744553" y="365847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A_5f22e295269f42e9b1ce98b4118ab3d0_Shape">
            <a:extLst>
              <a:ext uri="{FF2B5EF4-FFF2-40B4-BE49-F238E27FC236}">
                <a16:creationId xmlns:a16="http://schemas.microsoft.com/office/drawing/2014/main" id="{33AD1A5A-C81F-60E8-3D79-F34EC39B7040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5682550" y="414649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A_8ed28b9183de4588a46ed4323066c28f_Shape">
            <a:extLst>
              <a:ext uri="{FF2B5EF4-FFF2-40B4-BE49-F238E27FC236}">
                <a16:creationId xmlns:a16="http://schemas.microsoft.com/office/drawing/2014/main" id="{BF6417AC-A3BC-6269-04B3-3617EEBA753E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7136048" y="414649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A_3ef8107866514941904e61ada6b41143_Shape">
            <a:extLst>
              <a:ext uri="{FF2B5EF4-FFF2-40B4-BE49-F238E27FC236}">
                <a16:creationId xmlns:a16="http://schemas.microsoft.com/office/drawing/2014/main" id="{86BFF22D-6924-ADBF-2709-D924708F8237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5141071" y="5428094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A_73609d6e8c64405eaf9a111900945daa_Shape">
            <a:extLst>
              <a:ext uri="{FF2B5EF4-FFF2-40B4-BE49-F238E27FC236}">
                <a16:creationId xmlns:a16="http://schemas.microsoft.com/office/drawing/2014/main" id="{BF395AAB-D801-4117-C199-213AA23053E3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6338049" y="5428094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A_642753ce33624524bda7e4ee109a5f9d_Shape">
            <a:extLst>
              <a:ext uri="{FF2B5EF4-FFF2-40B4-BE49-F238E27FC236}">
                <a16:creationId xmlns:a16="http://schemas.microsoft.com/office/drawing/2014/main" id="{1A5AA5A1-90E2-358A-AD90-625CC62B1954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7506547" y="5428094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A_cdec049039d04838ba13a617fc9cdecd_Shape">
            <a:extLst>
              <a:ext uri="{FF2B5EF4-FFF2-40B4-BE49-F238E27FC236}">
                <a16:creationId xmlns:a16="http://schemas.microsoft.com/office/drawing/2014/main" id="{903FD6D1-4180-1C32-0395-03AD5DF8EA06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10271044" y="5428094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A_ef594de3bf094f1cb93f9e7d12ee469b_Shape">
            <a:extLst>
              <a:ext uri="{FF2B5EF4-FFF2-40B4-BE49-F238E27FC236}">
                <a16:creationId xmlns:a16="http://schemas.microsoft.com/office/drawing/2014/main" id="{0C18452B-4D38-E75C-0999-9B790FC4E8CE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11268542" y="5428094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A_3999f18e2c61454cadfd7ea463d2536b_Shape">
            <a:extLst>
              <a:ext uri="{FF2B5EF4-FFF2-40B4-BE49-F238E27FC236}">
                <a16:creationId xmlns:a16="http://schemas.microsoft.com/office/drawing/2014/main" id="{2758A10C-2C0C-5810-264E-555B60D93268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3744553" y="3068857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8679537" y="155942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3549544" y="155942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6257060" y="155942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1073534" y="155942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8ABD6720-14DE-5615-8AC3-2CAAE07B9BD2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2025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324BCF4D-B72D-327C-7B77-330C34836127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2025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11D88765-D903-F314-553A-2374D201691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2025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73607318-20FB-B953-0D5F-2A0FB7F22750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2025/Dec</a:t>
            </a:r>
          </a:p>
        </p:txBody>
      </p:sp>
      <p:sp>
        <p:nvSpPr>
          <p:cNvPr id="152" name="OTLSHAPE_SLA_966ac8e38d974bfeae23890a126b2a79_Title" hidden="1">
            <a:extLst>
              <a:ext uri="{FF2B5EF4-FFF2-40B4-BE49-F238E27FC236}">
                <a16:creationId xmlns:a16="http://schemas.microsoft.com/office/drawing/2014/main" id="{F0EBDF5F-3322-D3DF-E135-3597EA5E20B2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54" name="OTLSHAPE_SLA_966ac8e38d974bfeae23890a126b2a79_Date" hidden="1">
            <a:extLst>
              <a:ext uri="{FF2B5EF4-FFF2-40B4-BE49-F238E27FC236}">
                <a16:creationId xmlns:a16="http://schemas.microsoft.com/office/drawing/2014/main" id="{D8AD6711-3B0F-D60A-BA0E-F98619E93EEC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58" name="OTLSHAPE_SLA_0723a534b8b04d848ad49d960b833b9c_Title">
            <a:extLst>
              <a:ext uri="{FF2B5EF4-FFF2-40B4-BE49-F238E27FC236}">
                <a16:creationId xmlns:a16="http://schemas.microsoft.com/office/drawing/2014/main" id="{5E61EFE7-F6C4-653E-B97A-6CA752348AE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3302550" y="346255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60" name="OTLSHAPE_SLA_0723a534b8b04d848ad49d960b833b9c_Date" hidden="1">
            <a:extLst>
              <a:ext uri="{FF2B5EF4-FFF2-40B4-BE49-F238E27FC236}">
                <a16:creationId xmlns:a16="http://schemas.microsoft.com/office/drawing/2014/main" id="{9117965B-6847-7690-946B-F2E122EAB888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64" name="OTLSHAPE_SLA_5f22e295269f42e9b1ce98b4118ab3d0_Title">
            <a:extLst>
              <a:ext uri="{FF2B5EF4-FFF2-40B4-BE49-F238E27FC236}">
                <a16:creationId xmlns:a16="http://schemas.microsoft.com/office/drawing/2014/main" id="{193C8F96-E421-807E-7DF8-59D7D49AE93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5158358" y="395057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66" name="OTLSHAPE_SLA_5f22e295269f42e9b1ce98b4118ab3d0_Date" hidden="1">
            <a:extLst>
              <a:ext uri="{FF2B5EF4-FFF2-40B4-BE49-F238E27FC236}">
                <a16:creationId xmlns:a16="http://schemas.microsoft.com/office/drawing/2014/main" id="{719EC063-450C-6F54-98F1-BFD4BF8A38FE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73" name="OTLSHAPE_SLA_8ed28b9183de4588a46ed4323066c28f_Title">
            <a:extLst>
              <a:ext uri="{FF2B5EF4-FFF2-40B4-BE49-F238E27FC236}">
                <a16:creationId xmlns:a16="http://schemas.microsoft.com/office/drawing/2014/main" id="{63279A2B-BB70-32AF-FC18-DB1AB24A21F7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6838952" y="395057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74" name="OTLSHAPE_SLA_8ed28b9183de4588a46ed4323066c28f_Date" hidden="1">
            <a:extLst>
              <a:ext uri="{FF2B5EF4-FFF2-40B4-BE49-F238E27FC236}">
                <a16:creationId xmlns:a16="http://schemas.microsoft.com/office/drawing/2014/main" id="{0E462476-CF4D-A23F-ABA1-E17C6F842C3F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176" name="OTLSHAPE_SLA_3ef8107866514941904e61ada6b41143_Title">
            <a:extLst>
              <a:ext uri="{FF2B5EF4-FFF2-40B4-BE49-F238E27FC236}">
                <a16:creationId xmlns:a16="http://schemas.microsoft.com/office/drawing/2014/main" id="{7BE157FC-9E98-6B9B-99CD-F06B423F6C74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5086440" y="5064451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77" name="OTLSHAPE_SLA_3ef8107866514941904e61ada6b41143_Date">
            <a:extLst>
              <a:ext uri="{FF2B5EF4-FFF2-40B4-BE49-F238E27FC236}">
                <a16:creationId xmlns:a16="http://schemas.microsoft.com/office/drawing/2014/main" id="{E0789434-DCA4-418B-16C8-3819DD9D5D61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5064363" y="5247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79" name="OTLSHAPE_SLA_73609d6e8c64405eaf9a111900945daa_Title">
            <a:extLst>
              <a:ext uri="{FF2B5EF4-FFF2-40B4-BE49-F238E27FC236}">
                <a16:creationId xmlns:a16="http://schemas.microsoft.com/office/drawing/2014/main" id="{191149FA-5B3A-0D68-CDC8-9417F1F963DE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6101173" y="5064451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81" name="OTLSHAPE_SLA_73609d6e8c64405eaf9a111900945daa_Date">
            <a:extLst>
              <a:ext uri="{FF2B5EF4-FFF2-40B4-BE49-F238E27FC236}">
                <a16:creationId xmlns:a16="http://schemas.microsoft.com/office/drawing/2014/main" id="{BBCF36FD-9E1A-6306-303F-A1E21DF41E8B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6286635" y="52476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83" name="OTLSHAPE_SLA_642753ce33624524bda7e4ee109a5f9d_Title">
            <a:extLst>
              <a:ext uri="{FF2B5EF4-FFF2-40B4-BE49-F238E27FC236}">
                <a16:creationId xmlns:a16="http://schemas.microsoft.com/office/drawing/2014/main" id="{73E996E0-DF3C-F377-4F08-87B0E1AC21D3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7297527" y="50644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84" name="OTLSHAPE_SLA_642753ce33624524bda7e4ee109a5f9d_Date">
            <a:extLst>
              <a:ext uri="{FF2B5EF4-FFF2-40B4-BE49-F238E27FC236}">
                <a16:creationId xmlns:a16="http://schemas.microsoft.com/office/drawing/2014/main" id="{C1B2FF4A-4A6F-AE19-221B-71EEEFE2A793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7442116" y="524766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86" name="OTLSHAPE_SLA_cdec049039d04838ba13a617fc9cdecd_Title">
            <a:extLst>
              <a:ext uri="{FF2B5EF4-FFF2-40B4-BE49-F238E27FC236}">
                <a16:creationId xmlns:a16="http://schemas.microsoft.com/office/drawing/2014/main" id="{6769BF67-DE99-5EF6-E1D5-2A87E6454532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0173423" y="506445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187" name="OTLSHAPE_SLA_cdec049039d04838ba13a617fc9cdecd_Date">
            <a:extLst>
              <a:ext uri="{FF2B5EF4-FFF2-40B4-BE49-F238E27FC236}">
                <a16:creationId xmlns:a16="http://schemas.microsoft.com/office/drawing/2014/main" id="{695FF2A5-2245-E4A2-2A46-593FF2525E19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0203713" y="524766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9" name="OTLSHAPE_SLA_ef594de3bf094f1cb93f9e7d12ee469b_Title">
            <a:extLst>
              <a:ext uri="{FF2B5EF4-FFF2-40B4-BE49-F238E27FC236}">
                <a16:creationId xmlns:a16="http://schemas.microsoft.com/office/drawing/2014/main" id="{F519DA66-BA31-A1A3-4320-CE85D801ABE2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1147998" y="5064451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190" name="OTLSHAPE_SLA_ef594de3bf094f1cb93f9e7d12ee469b_Date">
            <a:extLst>
              <a:ext uri="{FF2B5EF4-FFF2-40B4-BE49-F238E27FC236}">
                <a16:creationId xmlns:a16="http://schemas.microsoft.com/office/drawing/2014/main" id="{A2CF7FE7-C1B6-05FA-6F49-67DB753A57C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1206566" y="524766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200" name="OTLSHAPE_SLA_3999f18e2c61454cadfd7ea463d2536b_Title" hidden="1">
            <a:extLst>
              <a:ext uri="{FF2B5EF4-FFF2-40B4-BE49-F238E27FC236}">
                <a16:creationId xmlns:a16="http://schemas.microsoft.com/office/drawing/2014/main" id="{F493420C-B53A-7DA7-40DA-647ABED12C0B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201" name="OTLSHAPE_SLA_3999f18e2c61454cadfd7ea463d2536b_Date" hidden="1">
            <a:extLst>
              <a:ext uri="{FF2B5EF4-FFF2-40B4-BE49-F238E27FC236}">
                <a16:creationId xmlns:a16="http://schemas.microsoft.com/office/drawing/2014/main" id="{73EBC020-6DD0-F051-9767-BB077FD0107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8E5897FD-80FD-4AE7-8FCC-AF4DCF429CE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409875" y="337819"/>
            <a:ext cx="587041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Basic Swimlane Diagram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B577BE11-F97C-4381-B688-564623BC6DEA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409875" y="912454"/>
            <a:ext cx="47943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Business Planning BI Dashbo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3687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S0xNlQyMz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MjcsIkciOjk2LCJCIjowfX0sIkxpbmVXZWlnaHQiOjEuMCwiTGluZVR5cGUiOjAsIlBhcmVudFN0eWxlIjpudWxsfSwiSXNCZWxvd1RpbWViYW5kIjp0cnVlLCJQb3NpdGlvbk9uVGFzayI6MywiSGlkZURhdGUiOmZhbHNlLCJTaGFwZVNpemUiOjE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wLCJSIjoyNTUsIkciOjI1NSwiQiI6MjU1fX0sIklzVmlzaWJsZSI6ZmFsc2UsIldpZHRoIjowLjAsIkhlaWdodCI6MC4wLCJCb3JkZXJTdHlsZSI6eyIkaWQiOiIyNyIsIkxpbmVDb2xvciI6bnVsbCwiTGluZVdlaWdodCI6MC4wLCJMaW5lVHlwZSI6MCwiUGFyZW50U3R5bGUiOm51bGx9LCJQYXJlbnRTdHlsZSI6bnVsbH0sIkRhdGV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ZmFsc2UsIldpZHRoIjowLjAsIkhlaWdodCI6MC4wLCJCb3JkZXJTdHlsZSI6eyIkaWQiOiIzNiIsIkxpbmVDb2xvciI6bnVsbCwiTGluZVdlaWdodCI6MC4wLCJMaW5lVHlwZSI6MCwiUGFyZW50U3R5bGUiOm51bGx9LCJQYXJlbnRTdHlsZSI6bnVsbH0sIkRhdGVGb3JtYXQiOnsiJGlkIjoi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Q3IiwiVG9wIjowLjAsIkxlZnQiOjAuMCwiUmlnaHQiO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eyIkaWQiOiI1MSIsIkxpbmVDb2xvciI6bnVsbCwiTGluZVdlaWdodCI6MC4wLCJMaW5lVHlwZSI6MCwiUGFyZW50U3R5bGUiOm51bGx9LCJQYXJlbnRTdHlsZSI6bnVsbH0sIkR1cmF0aW9uU3R5bGUiOnsiJGlkIjoiNTIiLCJGb250U2V0dGluZ3MiOnsiJGlkIjoiNTMiLCJGb250U2l6ZSI6MTAsIkZvbnROYW1lIjoiQ2FsaWJyaSIsIklzQm9sZCI6ZmFsc2UsIklzSXRhbGljIjpmYWxzZSwiSXNVbmRlcmxpbmVkIjpmYWxzZSwiUGFyZW50U3R5bGUiOm51bGx9LCJBdXRvU2l6ZSI6MCwiRm9yZWdyb3VuZCI6eyIkaWQiOiI1NCIsIkNvbG9yIjp7IiRpZCI6Ij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RGF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giLCJUb3AiOjAuMCwiTGVmdCI6MC4wLCJSaWdodCI6MC4wLCJCb3R0b20iOjAuMH0sIlBhZGRpbmciOnsiJGlkIjoiODkiLCJUb3AiOjAuMCwiTGVmdCI6MC4wLCJSaWdodCI6MC4wLCJCb3R0b20iOjAuMH0sIkJhY2tncm91bmQiOnsiJGlkIjoiOTAiLCJDb2xvciI6eyIkcmVmIjoiNTkifX0sIklzVmlzaWJsZSI6dHJ1ZSwiV2lkdGgiOjAuMCwiSGVpZ2h0IjowLjAsIkJvcmRlclN0eWxlIjp7IiRpZCI6IjkxIiwiTGluZUNvbG9yIjpudWxsLCJMaW5lV2VpZ2h0IjowLjAsIkxpbmVUeXBlIjowLCJQYXJlbnRTdHlsZSI6bnVsbH0sIlBhcmVudFN0eWxlIjpudWxsfSwiRGF0ZUZvcm1hdCI6eyIkaWQiOiI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ExNiJ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IsIkZvcmVncm91bmQiOnsiJGlkIjoiMTkwIiwiQ29sb3IiOnsiJGlkIjoiMTkxIiwiQSI6MjU1LCJSIjowLCJHIjowLCJCIjowfX0sIk1heFdpZHRoIjo5My4xNCwiTWF4SGVpZ2h0IjoiSW5maW5pdHkiLCJTbWFydEZvcmVncm91bmRJc0FjdGl2ZSI6ZmFsc2UsIkhvcml6b250YWxBbGlnbm1lbnQiOjE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DYWxpYnJpIiwiSXNCb2xkIjpmYWxzZSwiSXNJdGFsaWMiOmZhbHNlLCJJc1VuZGVybGluZWQiOmZhbHNlLCJQYXJlbnRTdHlsZSI6bnVsbH0sIkF1dG9TaXplIjowLCJGb3JlZ3JvdW5kIjp7IiRpZCI6IjE5OSIsIkNvbG9yIjp7IiRpZCI6IjI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xIiwiVG9wIjowLjAsIkxlZnQiOjAuMCwiUmlnaHQiOjAuMCwiQm90dG9tIjowLjB9LCJQYWRkaW5nIjp7IiRpZCI6IjIwMiIsIlRvcCI6MC4wLCJMZWZ0IjowLjAsIlJpZ2h0IjowLjAsIkJvdHRvbSI6MC4wfSwiQmFja2dyb3VuZCI6eyIkaWQiOiIyMDMiLCJDb2xvciI6eyIkcmVmIjoiMTY0In19LCJJc1Zpc2libGUiOnRydWUsIldpZHRoIjowLjAsIkhlaWdodCI6MC4wLCJCb3JkZXJTdHlsZSI6eyIkaWQiOiIyMDQiLCJMaW5lQ29sb3IiOm51bGwsIkxpbmVXZWlnaHQiOjAuMCwiTGluZVR5cGUiOjAsIlBhcmVudFN0eWxlIjpudWxsfSwiUGFyZW50U3R5bGUiOm51bGx9LCJEYXRlRm9ybWF0Ijp7IiRpZCI6Ij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ODksIlIiOjAsIkciOjAsIkIiOjB9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cmVmIjoiMjE5In1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pZCI6IjIzMCIsIiR0eXBlIjoiTkxSRS5Db21tb24uRG9tLlNvbGlkQ29sb3JCcnVzaCwgTkxSRS5Db21tb24iLCJDb2xvciI6eyIkaWQiOiIyMzEiLCJBIjoyNTUsIlIiOjIwNCwiRyI6MjA0LCJCIjoyMDR9fSwiTGluZVdlaWdodCI6MS4wLCJMaW5lVHlwZSI6MCwiUGFyZW50U3R5bGUiOm51bGx9LCJWZXJ0aWNhbENvbm5lY3RvclN0eWxlIjp7IiRpZCI6IjIzMiIsIkxpbmVDb2xvciI6eyIkaWQiOiIyMzMiLCIkdHlwZSI6Ik5MUkUuQ29tbW9uLkRvbS5Tb2xpZENvbG9yQnJ1c2gsIE5MUkUuQ29tbW9uIiwiQ29sb3IiOnsiJGlkIjoiMjM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1IiwiTWFyZ2luIjp7IiRpZCI6IjIzNiIsIlRvcCI6MC4wLCJMZWZ0Ijo0LjAsIlJpZ2h0Ijo0LjAsIkJvdHRvbSI6MC4wfSwiUGFkZGluZyI6eyIkaWQiOiIyMzciLCJUb3AiOjAuMCwiTGVmdCI6MC4wLCJSaWdodCI6MC4wLCJCb3R0b20iOjAuMH0sIkJhY2tncm91bmQiOnsiJGlkIjoiMjM4IiwiQ29sb3IiOnsiJGlkIjoiMjM5IiwiQSI6MjU1LCJSIjoyNTUsIkciOjE5MiwiQiI6MH19LCJJc1Zpc2libGUiOnRydWUsIldpZHRoIjowLjAsIkhlaWdodCI6MTA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VGl0bGVTdHlsZSI6eyIkaWQiOiIyNDMiLCJGb250U2V0dGluZ3MiOnsiJGlkIjoiMjQ0IiwiRm9udFNpemUiOjExLCJGb250TmFtZSI6IkNhbGlicmkiLCJJc0JvbGQiOnRydWUsIklzSXRhbGljIjpmYWxzZSwiSXNVbmRlcmxpbmVkIjpmYWxzZSwiUGFyZW50U3R5bGUiOm51bGx9LCJBdXRvU2l6ZSI6MiwiRm9yZWdyb3VuZCI6eyIkaWQiOiIyNDUiLCJDb2xvciI6eyIkaWQiOiIyNDYiLCJBIjoyNTUsIlIiOjAsIkciOjAsIkIiOjB9fSwiTWF4V2lkdGgiOjU4LjA4NjY2NjY2NjY2NjY3MywiTWF4SGVpZ2h0IjoiSW5maW5pdHkiLCJTbWFydEZvcmVncm91bmRJc0FjdGl2ZSI6ZmFsc2UsIkhvcml6b250YWxBbGlnbm1lbnQiOjE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aWQiOiIyNTgiLCJDb2xvciI6eyIkcmVmIjoiMjE5In19LCJJc1Zpc2libGUiOnRydWUsIldpZHRoIjowLjAsIkhlaWdodCI6MC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7IiRpZCI6IjI3MyIsIkNvbG9yIjp7IiRpZCI6IjI3NCIsIkEiOjg5LCJSIjowLCJHIjowLCJCIjowfX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MCwiUiI6MjU1LCJHIjoyNTUsIkIiOjI1NX1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cmVmIjoiMjc0In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mYWxz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DYiLCJUb3AiOjAuMCwiTGVmdCI6MC4wLCJSaWdodCI6MC4wLCJCb3R0b20iOjAuMH0sIlBhZGRpbmciOnsiJGlkIjoiMzQ3IiwiVG9wIjowLjAsIkxlZnQiOjAuMCwiUmlnaHQiOjAuMCwiQm90dG9tIjowLjB9LCJCYWNrZ3JvdW5kIjp7IiRpZCI6IjM0OCIsIkNvbG9yIjp7IiRpZCI6IjM0OSIsIkEiOjAsIlIiOjI1NSwiRyI6MjU1LCJCIjoyNTV9fSwiSXNWaXNpYmxlIjpmYWxzZSwiV2lkdGgiOjAuMCwiSGVpZ2h0IjowLjAsIkJvcmRlclN0eWxlIjp7IiRpZCI6IjM1MCIsIkxpbmVDb2xvciI6bnVsbCwiTGluZVdlaWdodCI6MC4wLCJMaW5lVHlwZSI6MCwiUGFyZW50U3R5bGUiOm51bGx9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ODksIlIiOjAsIkciOjAsIkIiOjB9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pZCI6IjQ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cmVmIjoiMzczIn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QmFja2dyb3VuZCI6bnVsbCwiSXNWaXNpYmxlIjp0cnVlLCJXaWR0aCI6MC4wLCJIZWlnaHQiOjAuMCwiQm9yZGVyU3R5bGUiOm51bGwsIlBhcmVudFN0eWxlIjpudWxsfSwiQmFja2dyb3VuZF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wOSIsIlRvcCI6MC4wLCJMZWZ0IjowLjAsIlJpZ2h0IjowLjAsIkJvdHRvbSI6MC4wfSwiUGFkZGluZyI6eyIkaWQiOiI1MTAiLCJUb3AiOjAuMCwiTGVmdCI6MC4wLCJSaWdodCI6MC4wLCJCb3R0b20iOjAuMH0sIkJhY2tncm91bmQiOnsiJGlkIjoiNTExIiwiQ29sb3IiOnsiJHJlZiI6IjQ3MyJ9fSwiSXNWaXNpYmxlIjp0cnVlLCJXaWR0aCI6MC4wLCJIZWlnaHQiOjAuMCwiQm9yZGVyU3R5bGUiOnsiJGlkIjoiNTEyIiwiTGluZUNvbG9yIjpudWxsLCJMaW5lV2VpZ2h0IjowLjAsIkxpbmVUeXBlIjowLCJQYXJlbnRTdHlsZSI6bnVsbH0sIlBhcmVudFN0eWxlIjpudWxsfSwiRGF0ZUZvcm1hdCI6eyIkaWQiOiI1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0IiwiRm9ybWF0IjowLCJJc1Zpc2libGUiOmZhbHNlLCJMYXN0S25vd25WaXNpYmlsaXR5U3RhdGUiOmZhbHNlfSwiSXNWaXNpYmxlIjp0cnVlLCJQYXJlbnRTdHlsZSI6bnVsbCwiX2V4cGxpY2l0bHlTZXQiOnsiJGlkIjoiNTE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0IiwiVG9wIjowLjAsIkxlZnQiOjAuMCwiUmlnaHQiOjAuMCwiQm90dG9tIjowLjB9LCJQYWRkaW5nIjp7IiRpZCI6IjUzNSIsIlRvcCI6MC4wLCJMZWZ0IjowLjAsIlJpZ2h0IjowLjAsIkJvdHRvbSI6MC4wfSwiQmFja2dyb3VuZCI6eyIkaWQiOiI1MzYiLCJDb2xvciI6eyIkaWQiOiI1MzciLCJBIjo4OSwiUiI6MCwiRyI6MCwiQiI6MH19LCJJc1Zpc2libGUiOmZhbHN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aWQiOiI1NDEiLCJDb2xvciI6eyIkaWQiOiI1N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0MyIsIlRvcCI6MC4wLCJMZWZ0IjowLjAsIlJpZ2h0IjowLjAsIkJvdHRvbSI6MC4wfSwiUGFkZGluZyI6eyIkaWQiOiI1NDQiLCJUb3AiOjAuMCwiTGVmdCI6MC4wLCJSaWdodCI6MC4wLCJCb3R0b20iOjAuMH0sIkJhY2tncm91bmQiOnsiJGlkIjoiNTQ1IiwiQ29sb3IiOnsiJHJlZiI6IjUzNyJ9fSwiSXNWaXNpYmxlIjpmYWxzZSwiV2lkdGgiOjAuMCwiSGVpZ2h0IjowLjAsIkJvcmRlclN0eWxlIjp7IiRpZCI6IjU0NiIsIkxpbmVDb2xvciI6bnVsbCwiTGluZVdlaWdodCI6MC4wLCJMaW5lVHlwZSI6MCwiUGFyZW50U3R5bGUiOm51bGx9LCJQYXJlbnRTdHlsZSI6bnVsbH0sIkRhdGVGb3JtYXQiOnsiJGlkIjoiN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mZhbHNlLCJXaWR0aCI6MC4wLCJIZWlnaHQiOjAuMCwiQm9yZGVyU3R5bGUiOnsiJGlkIjoiNTc1IiwiTGluZUNvbG9yIjpudWxsLCJMaW5lV2VpZ2h0IjowLjAsIkxpbmVUeXBlIjowLCJQYXJlbnRTdHlsZSI6bnVsbH0sIlBhcmVudFN0eWxlIjpudWxsfSwiRGF0ZUZvcm1hdCI6eyIkaWQiOiI1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TdHlsZSI6eyIkaWQiOiI2MzYiLCJGb250U2V0dGluZ3MiOnsiJGlkIjoiNjM3IiwiRm9udFNpemUiOjEwLCJGb250TmFtZSI6IkNhbGlicmkiLCJJc0JvbGQiOmZhbHNlLCJJc0l0YWxpYyI6ZmFsc2UsIklzVW5kZXJsaW5lZCI6ZmFsc2UsIlBhcmVudFN0eWxlIjpudWxsfSwiQXV0b1NpemUiOjAsIkZvcmVncm91bmQiOnsiJGlkIjoiNjM4IiwiQ29sb3IiOnsiJGlkIjoiNj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ODksIlIiOjAsIkciOjAsIkIiOjB9fSwiSXNWaXNpYmxlIjp0cnVlLCJXaWR0aCI6MC4wLCJIZWlnaHQiOjAuMCwiQm9yZGVyU3R5bGUiOnsiJGlkIjoiNjU5IiwiTGluZUNvbG9yIjpudWxsLCJMaW5lV2VpZ2h0IjowLjAsIkxpbmVUeXBlIjowLCJQYXJlbnRTdHlsZSI6bnVsbH0sIlBhcmVudFN0eWxlIjpudWxsfSwiRHVyYXRpb25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4NiIsIlRvcCI6MC4wLCJMZWZ0IjowLjAsIlJpZ2h0IjowLjAsIkJvdHRvbSI6MC4wfSwiUGFkZGluZyI6eyIkaWQiOiI2ODciLCJUb3AiOjAuMCwiTGVmdCI6MC4wLCJSaWdodCI6MC4wLCJCb3R0b20iOjAuMH0sIkJhY2tncm91bmQiOnsiJGlkIjoiNjg4IiwiQ29sb3IiOnsiJGlkIjoiNjg5IiwiQSI6MCwiUiI6MjU1LCJHIjoyNTUsIkIiOjI1NX19LCJJc1Zpc2libGUiOnRydWUsIldpZHRoIjowLjAsIkhlaWdodCI6MC4wLCJCb3JkZXJTdHlsZSI6eyIkaWQiOiI2OTAiLCJMaW5lQ29sb3IiOm51bGwsIkxpbmVXZWlnaHQiOjAuMCwiTGluZVR5cGUiOjAsIlBhcmVudFN0eWxlIjpudWxsfSwiUGFyZW50U3R5bGUiOm51bGx9LCJEY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cmVmIjoiNjU4In19LCJJc1Zpc2libGUiOnRydWUsIldpZHRoIjowLjAsIkhlaWdodCI6MC4wLCJCb3JkZXJTdHlsZSI6eyIkaWQiOiI2OTgiLCJMaW5lQ29sb3IiOm51bGwsIkxpbmVXZWlnaHQiOjAuMCwiTGluZVR5cGUiOjAsIlBhcmVudFN0eWxlIjpudWxsfSwiUGFyZW50U3R5bGUiOm51bGx9LCJEYXRlRm9ybWF0Ijp7IiRpZCI6IjY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GlkIjoiNzEyIiwiQ29sb3IiOnsiJGlkIjoiNzEzIiwiQSI6ODksIlIiOjAsIkciOjAsIkIiOjB9fSwiSXNWaXNpYmxlIjp0cnVlLCJXaWR0aCI6MC4wLCJIZWlnaHQiOjAuMCwiQm9yZGVyU3R5bGUiOnsiJGlkIjoiNzE0IiwiTGluZUNvbG9yIjpudWxsLCJMaW5lV2VpZ2h0IjowLjAsIkxpbmVUeXBlIjowLCJQYXJlbnRTdHlsZSI6bnVsbH0sIlBhcmVudFN0eWxlIjpudWxsfSwiRHVyYXRpb25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CwiUiI6MjU1LCJHIjoyNTUsIkIiOjI1NX19LCJJc1Zpc2libGUiOnRydWUsIldpZHRoIjowLjAsIkhlaWdodCI6MC4wLCJCb3JkZXJTdHlsZSI6eyIkaWQiOiI3NDUiLCJMaW5lQ29sb3IiOm51bGwsIkxpbmVXZWlnaHQiOjAuMCwiTGluZVR5cGUiOjAsIlBhcmVudFN0eWxlIjpudWxsfSwiUGFyZW50U3R5bGUiOm51bGx9LCJEYXRl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cmVmIjoiNzEzIn19LCJJc1Zpc2libGUiOnRydWUsIldpZHRoIjowLjAsIkhlaWdodCI6MC4wLCJCb3JkZXJTdHlsZSI6eyIkaWQiOiI3NTMiLCJMaW5lQ29sb3IiOm51bGwsIkxpbmVXZWlnaHQiOjAuMCwiTGluZVR5cGUiOjAsIlBhcmVudFN0eWxlIjpudWxsfSwiUGFyZW50U3R5bGUiOm51bGx9LCJEYXRlRm9ybWF0Ijp7IiRpZCI6Ijc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ZmFsc2UsIldpZHRoIjowLjAsIkhlaWdodCI6MC4wLCJCb3JkZXJTdHlsZSI6eyIkaWQiOiI3OTAiLCJMaW5lQ29sb3IiOm51bGwsIkxpbmVXZWlnaHQiOjAuMCwiTGluZVR5cGUiOjAsIlBhcmVudFN0eWxlIjpudWxsfS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g5LCJSIjowLCJHIjowLCJCIjowfX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pZCI6IjgwOCIsIkNvbG9yIjp7IiRpZCI6Ijg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yZWYiOiI4MDQifX0sIklzVmlzaWJsZSI6dHJ1ZSwiV2lkdGgiOjAuMCwiSGVpZ2h0IjowLjAsIkJvcmRlclN0eWxlIjp7IiRpZCI6Ijg0NCIsIkxpbmVDb2xvciI6bnVsbCwiTGluZVdlaWdodCI6MC4wLCJMaW5lVHlwZSI6MCwiUGFyZW50U3R5bGUiOm51bGx9LCJQYXJlbnRTdHlsZSI6bnVsbH0sIkRhdGVGb3JtYXQiOnsiJGlkIjoiOD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TEiLCJUb3AiOjAuMCwiTGVmdCI6MC4wLCJSaWdodCI6MC4wLCJCb3R0b20iOjAuMH0sIlBhZGRpbmciOnsiJGlkIjoiODkyIiwiVG9wIjowLjAsIkxlZnQiOjAuMCwiUmlnaHQiOjAuMCwiQm90dG9tIjowLjB9LCJCYWNrZ3JvdW5kIjp7IiRpZCI6Ijg5MyIsIkNvbG9yIjp7IiRpZCI6Ijg5NCIsIkEiOjg5LCJSIjowLCJHIjowLCJCIjowfX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xMCwiRm9udE5hbWUiOiJDYWxpYnJpIiwiSXNCb2xkIjpmYWxzZSwiSXNJdGFsaWMiOmZhbHNlLCJJc1VuZGVybGluZWQiOmZhbHNlLCJQYXJlbnRTdHlsZSI6bnVsbH0sIkF1dG9TaXplIjowLCJGb3JlZ3JvdW5kIjp7IiRpZCI6Ijg5OCIsIkNvbG9yIjp7IiRpZCI6Ijg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zEiLCJUb3AiOjAuMCwiTGVmdCI6MC4wLCJSaWdodCI6MC4wLCJCb3R0b20iOjAuMH0sIlBhZGRpbmciOnsiJGlkIjoiOTMyIiwiVG9wIjowLjAsIkxlZnQiOjAuMCwiUmlnaHQiOjAuMCwiQm90dG9tIjowLjB9LCJCYWNrZ3JvdW5kIjp7IiRpZCI6IjkzMyIsIkNvbG9yIjp7IiRyZWYiOiI4OTQifX0sIklzVmlzaWJsZSI6dHJ1ZSwiV2lkdGgiOjAuMCwiSGVpZ2h0IjowLjAsIkJvcmRlclN0eWxlIjp7IiRpZCI6IjkzNCIsIkxpbmVDb2xvciI6bnVsbCwiTGluZVdlaWdodCI6MC4wLCJMaW5lVHlwZSI6MCwiUGFyZW50U3R5bGUiOm51bGx9LCJQYXJlbnRTdHlsZSI6bnVsbH0sIkRhdGVGb3JtYXQiOnsiJGlkIjoiOT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HJlZiI6Ijk1MCJ9fSwiSXNWaXNpYmxlIjp0cnVlLCJXaWR0aCI6MC4wLCJIZWlnaHQiOjAuMCwiQm9yZGVyU3R5bGUiOnsiJGlkIjoiOTkwIiwiTGluZUNvbG9yIjpudWxsLCJMaW5lV2VpZ2h0IjowLjAsIkxpbmVUeXBlIjowLCJQYXJlbnRTdHlsZSI6bnVsbH0sIlBhcmVudFN0eWxlIjpudWxsfSwiRGF0ZUZvcm1hdCI6eyIkaWQiOiI5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GlkIjoiMTAwNSIsIkNvbG9yIjp7IiRpZCI6IjEwMDYiLCJBIjo4OSwiUiI6MCwiRyI6MCwiQiI6MH19LCJJc1Zpc2libGUiOnRydWUsIldpZHRoIjowLjAsIkhlaWdodCI6MC4wLCJCb3JkZXJTdHlsZSI6eyIkaWQiOiIxMDA3IiwiTGluZUNvbG9yIjpudWxsLCJMaW5lV2VpZ2h0IjowLjAsIkxpbmVUeXBlIjowLCJQYXJlbnRTdHlsZSI6bnVsbH0sIlBhcmVudFN0eWxlIjpudWxsfSwiRHVyYXRpb25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HJlZiI6IjEwMDYifX0sIklzVmlzaWJsZSI6dHJ1ZSwiV2lkdGgiOjAuMCwiSGVpZ2h0IjowLjAsIkJvcmRlclN0eWxlIjp7IiRpZCI6IjEwNDYiLCJMaW5lQ29sb3IiOm51bGw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yZWYiOiIxMTE0In19LCJJc1Zpc2libGUiOnRydWUsIldpZHRoIjowLjAsIkhlaWdodCI6MC4wLCJCb3JkZXJTdHlsZSI6eyIkaWQiOiIxMTUzIiwiTGluZUNvbG9yIjpudWxsLCJMaW5lV2VpZ2h0IjowLjAsIkxpbmVUeXBlIjowLCJQYXJlbnRTdHlsZSI6bnVsbH0sIlBhcmVudFN0eWxlIjpudWxsfSwiRGF0ZUZvcm1hdCI6eyIkaWQiOiIxM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UiLCJGb3JtYXQiOjAsIklzVmlzaWJsZSI6ZmFsc2UsIkxhc3RLbm93blZpc2liaWxpdHlTdGF0ZSI6ZmFsc2V9LCJJc1Zpc2libGUiOnRydWUsIlBhcmVudFN0eWxlIjpudWxsLCJfZXhwbGljaXRseVNldCI6eyIkaWQiOiIxM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eyIkaWQiOiIxMTc3IiwiQ29sb3IiOnsiJGlkIjoiMTE3OCIsIkEiOjg5LCJSIjowLCJHIjowLCJCIjowfX0sIklzVmlzaWJsZSI6dHJ1ZSwiV2lkdGgiOjAuMCwiSGVpZ2h0IjowLjAsIkJvcmRlclN0eWxlIjp7IiRpZCI6IjExNzkiLCJMaW5lQ29sb3IiOm51bGwsIkxpbmVXZWlnaHQiOjAuMCwiTGluZVR5cGUiOjAsIlBhcmVudFN0eWxlIjpudWxsfSwiUGFyZW50U3R5bGUiOm51bGx9LCJEYXRl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ODQiLCJUb3AiOjAuMCwiTGVmdCI6MC4wLCJSaWdodCI6MC4wLCJCb3R0b20iOjAuMH0sIlBhZGRpbmciOnsiJGlkIjoiMTE4NSIsIlRvcCI6MC4wLCJMZWZ0IjowLjAsIlJpZ2h0IjowLjAsIkJvdHRvbSI6MC4wfSwiQmFja2dyb3VuZCI6eyIkaWQiOiIxMTg2IiwiQ29sb3IiOnsiJHJlZiI6IjExNzgifX0sIklzVmlzaWJsZSI6ZmFsc2UsIldpZHRoIjowLjAsIkhlaWdodCI6MC4wLCJCb3JkZXJTdHlsZSI6eyIkaWQiOiIxMTg3IiwiTGluZUNvbG9yIjpudWxsLCJMaW5lV2VpZ2h0IjowLjAsIkxpbmVUeXBlIjowLCJQYXJlbnRTdHlsZSI6bnVsbH0sIlBhcmVudFN0eWxlIjpudWxsfSwiRGF0ZUZvcm1hdCI6eyIkaWQiOiIx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ODksIlIiOjAsIkciOjAsIkIiOjB9fSwiSXNWaXNpYmxlIjpmYWxzZSwiV2lkdGgiOjAuMCwiSGVpZ2h0IjowLjAsIkJvcmRlclN0eWxlIjp7IiRpZCI6IjEyMTYiLCJMaW5lQ29sb3IiOm51bGwsIkxpbmVXZWlnaHQiOjAuMCwiTGluZVR5cGUiOjAsIlBhcmVudFN0eWxlIjpudWxsfSwiUGFyZW50U3R5bGUiOm51bGx9LCJEYXRlRm9ybWF0Ijp7IiRpZCI6IjE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yZWYiOiIxNDI5In19LCJJc1Zpc2libGUiOnRydWUsIldpZHRoIjowLjAsIkhlaWdodCI6MC4wLCJCb3JkZXJTdHlsZSI6eyIkaWQiOiIxNDcwIiwiTGluZUNvbG9yIjpudWxsLCJMaW5lV2VpZ2h0IjowLjAsIkxpbmVUeXBlIjowLCJQYXJlbnRTdHlsZSI6bnVsbH0sIlBhcmVudFN0eWxlIjpudWxsfSwiRGF0ZUZvcm1hdCI6eyIkaWQiOiIxN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MjIiLCJUb3AiOjAuMCwiTGVmdCI6MC4wLCJSaWdodCI6MC4wLCJCb3R0b20iOjAuMH0sIlBhZGRpbmciOnsiJGlkIjoiMTUyMyIsIlRvcCI6MC4wLCJMZWZ0IjowLjAsIlJpZ2h0IjowLjAsIkJvdHRvbSI6MC4wfSwiQmFja2dyb3VuZCI6eyIkaWQiOiIxNTI0IiwiQ29sb3IiOnsiJHJlZiI6IjE0ODUifX0sIklzVmlzaWJsZSI6dHJ1ZSwiV2lkdGgiOjAuMCwiSGVpZ2h0IjowLjAsIkJvcmRlclN0eWxlIjp7IiRpZCI6IjE1MjUiLCJMaW5lQ29sb3IiOm51bGwsIkxpbmVXZWlnaHQiOjAuMCwiTGluZVR5cGUiOjAsIlBhcmVudFN0eWxlIjpudWxsfSwiUGFyZW50U3R5bGUiOm51bGx9LCJEYXRlRm9ybWF0Ijp7IiRpZCI6IjE1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NDkiLCJUb3AiOjAuMCwiTGVmdCI6MC4wLCJSaWdodCI6MC4wLCJCb3R0b20iOjAuMH0sIlBhZGRpbmciOnsiJGlkIjoiMTY1MCIsIlRvcCI6MC4wLCJMZWZ0IjowLjAsIlJpZ2h0IjowLjAsIkJvdHRvbSI6MC4wfSwiQmFja2dyb3VuZCI6eyIkaWQiOiIxNjUxIiwiQ29sb3IiOnsiJHJlZiI6IjE2MTIifX0sIklzVmlzaWJsZSI6dHJ1ZSwiV2lkdGgiOjAuMCwiSGVpZ2h0IjowLjAsIkJvcmRlclN0eWxlIjp7IiRpZCI6IjE2NTIiLCJMaW5lQ29sb3IiOm51bGwsIkxpbmVXZWlnaHQiOjAuMCwiTGluZVR5cGUiOjAsIlBhcmVudFN0eWxlIjpudWxsfSwiUGFyZW50U3R5bGUiOm51bGx9LCJEYXRlRm9ybWF0Ijp7IiRpZCI6IjE2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U2IiwiVG9wIjowLjAsIkxlZnQiOjAuMCwiUmlnaHQiOjAuMCwiQm90dG9tIjowLjB9LCJQYWRkaW5nIjp7IiRpZCI6IjE3NTciLCJUb3AiOjAuMCwiTGVmdCI6MC4wLCJSaWdodCI6MC4wLCJCb3R0b20iOjAuMH0sIkJhY2tncm91bmQiOnsiJGlkIjoiMTc1OCIsIkNvbG9yIjp7IiRyZWYiOiIxNzIwIn19LCJJc1Zpc2libGUiOnRydWUsIldpZHRoIjowLjAsIkhlaWdodCI6MC4wLCJCb3JkZXJTdHlsZSI6eyIkaWQiOiIxNzU5IiwiTGluZUNvbG9yIjpudWxsLCJMaW5lV2VpZ2h0IjowLjAsIkxpbmVUeXBlIjowLCJQYXJlbnRTdHlsZSI6bnVsbH0sIlBhcmVudFN0eWxlIjpudWxsfSwiRGF0ZUZvcm1hdCI6eyIkaWQiOiIxNz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jEiLCJGb3JtYXQiOjAsIklzVmlzaWJsZSI6ZmFsc2UsIkxhc3RLbm93blZpc2liaWxpdHlTdGF0ZSI6ZmFsc2V9LCJJc1Zpc2libGUiOnRydWUsIlBhcmVudFN0eWxlIjpudWxsLCJfZXhwbGljaXRseVNldCI6eyIkaWQiOiIxNzY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OTAiLCJUb3AiOjAuMCwiTGVmdCI6MC4wLCJSaWdodCI6MC4wLCJCb3R0b20iOjAuMH0sIlBhZGRpbmciOnsiJGlkIjoiMTc5MSIsIlRvcCI6MC4wLCJMZWZ0IjowLjAsIlJpZ2h0IjowLjAsIkJvdHRvbSI6MC4wfSwiQmFja2dyb3VuZCI6eyIkaWQiOiIxNzkyIiwiQ29sb3IiOnsiJHJlZiI6IjE3ODQifX0sIklzVmlzaWJsZSI6dHJ1ZSwiV2lkdGgiOjAuMCwiSGVpZ2h0IjowLjAsIkJvcmRlclN0eWxlIjp7IiRpZCI6IjE3OTMiLCJMaW5lQ29sb3IiOm51bGwsIkxpbmVXZWlnaHQiOjAuMCwiTGluZVR5cGUiOjAsIlBhcmVudFN0eWxlIjpudWxsfSwiUGFyZW50U3R5bGUiOm51bGx9LCJEYXRlRm9ybWF0Ijp7IiRpZCI6IjE3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CwiUiI6MjU1LCJHIjoyNTUsIkIiOjI1NX19LCJJc1Zpc2libGUiOmZhbHNlLCJXaWR0aCI6MC4wLCJIZWlnaHQiOjAuMCwiQm9yZGVyU3R5bGUiOnsiJGlkIjoiMTk3MCIsIkxpbmVDb2xvciI6bnVsbCwiTGluZVdlaWdodCI6MC4wLCJMaW5lVHlwZSI6MCwiUGFyZW50U3R5bGUiOm51bGx9LCJQYXJlbnRTdHlsZSI6bnVsbH0sIkRhdGVGb3JtYXQiOnsiJGlkIjoiMT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zkiLCJUb3AiOjAuMCwiTGVmdCI6MC4wLCJSaWdodCI6MC4wLCJCb3R0b20iOjAuMH0sIlBhZGRpbmciOnsiJGlkIjoiMjA4MCIsIlRvcCI6MC4wLCJMZWZ0IjowLjAsIlJpZ2h0IjowLjAsIkJvdHRvbSI6MC4wfSwiQmFja2dyb3VuZCI6eyIkaWQiOiIyMDgxIiwiQ29sb3IiOnsiJHJlZiI6IjIwNzMifX0sIklzVmlzaWJsZSI6ZmFsc2UsIldpZHRoIjowLjAsIkhlaWdodCI6MC4wLCJCb3JkZXJTdHlsZSI6eyIkaWQiOiIyMDgyIiwiTGluZUNvbG9yIjpudWxsLCJMaW5lV2VpZ2h0IjowLjAsIkxpbmVUeXBlIjowLCJQYXJlbnRTdHlsZSI6bnVsbH0sIlBhcmVudFN0eWxlIjpudWxsfSwiRGF0ZUZvcm1hdCI6eyIkaWQiOiIyM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TA3IiwiVG9wIjowLjAsIkxlZnQiOjAuMCwiUmlnaHQiOjAuMCwiQm90dG9tIjowLjB9LCJQYWRkaW5nIjp7IiRpZCI6IjIxMDgiLCJUb3AiOjAuMCwiTGVmdCI6MC4wLCJSaWdodCI6MC4wLCJCb3R0b20iOjAuMH0sIkJhY2tncm91bmQiOnsiJGlkIjoiMjEwOSIsIkNvbG9yIjp7IiRyZWYiOiIyMTAxIn19LCJJc1Zpc2libGUiOmZhbHNlLCJXaWR0aCI6MC4wLCJIZWlnaHQiOjAuMCwiQm9yZGVyU3R5bGUiOnsiJGlkIjoiMjExMCIsIkxpbmVDb2xvciI6bnVsbCwiTGluZVdlaWdodCI6MC4wLCJMaW5lVHlwZSI6MCwiUGFyZW50U3R5bGUiOm51bGx9LCJQYXJlbnRTdHlsZSI6bnVsbH0sIkRhdGVGb3JtYXQiOnsiJGlkIjoiM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Ey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wLCJJZCI6IjVlZjkxZjRlLTRhYmMtNDM2Yi1hNzkwLWFhNTVmMmM4MTQ1YiIsIkhlYWRlclRleHQiOm51bGwsIklzRGVmYXVsdCI6dHJ1ZSwiU3R5bGUiOnsiJGlkIjoiMjExMyIsIkhlYWRlclN0eWxlIjp7IiRpZCI6IjIxMTQiLCJUZXh0U3R5bGUiOnsiJGlkIjoiMjExNSIsIkZvbnRTZXR0aW5ncyI6eyIkaWQiOiIyMTE2IiwiRm9udFNpemUiOjExLCJGb250TmFtZSI6IkNhbGlicmkiLCJJc0JvbGQiOmZhbHNlLCJJc0l0YWxpYyI6ZmFsc2UsIklzVW5kZXJsaW5lZCI6ZmFsc2UsIlBhcmVudFN0eWxlIjpudWxsfSwiQXV0b1NpemUiOjAsIkZvcmVncm91bmQiOnsiJGlkIjoiMjExNyIsIkNvbG9yIjp7IiRpZCI6IjIx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EyIiwiVG9wIjowLjAsIkxlZnQiOjAuMCwiUmlnaHQiOjAuMCwiQm90dG9tIjowLjB9LCJQYWRkaW5nIjp7IiRpZCI6IjIyMTMiLCJUb3AiOjAuMCwiTGVmdCI6MC4wLCJSaWdodCI6MC4wLCJCb3R0b20iOjAuMH0sIkJhY2tncm91bmQiOnsiJGlkIjoiMjIxNCIsIkNvbG9yIjp7IiRyZWYiOiIyMTc2In19LCJJc1Zpc2libGUiOnRydWUsIldpZHRoIjowLjAsIkhlaWdodCI6MC4wLCJCb3JkZXJTdHlsZSI6eyIkaWQiOiIyMjE1IiwiTGluZUNvbG9yIjpudWxsLCJMaW5lV2VpZ2h0IjowLjAsIkxpbmVUeXBlIjowLCJQYXJlbnRTdHlsZSI6bnVsbH0sIlBhcmVudFN0eWxlIjpudWxsfSwiRGF0ZUZvcm1hdCI6eyIkaWQiOiIy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TciLCJGb3JtYXQiOjAsIklzVmlzaWJsZSI6ZmFsc2UsIkxhc3RLbm93blZpc2liaWxpdHlTdGF0ZSI6ZmFsc2V9LCJJc1Zpc2libGUiOnRydWUsIlBhcmVudFN0eWxlIjpudWxsLCJfZXhwbGljaXRseVNldCI6eyIkaWQiOiIyMjE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2IiwiVG9wIjowLjAsIkxlZnQiOjAuMCwiUmlnaHQiOjAuMCwiQm90dG9tIjowLjB9LCJQYWRkaW5nIjp7IiRpZCI6IjIyNDciLCJUb3AiOjAuMCwiTGVmdCI6MC4wLCJSaWdodCI6MC4wLCJCb3R0b20iOjAuMH0sIkJhY2tncm91bmQiOnsiJGlkIjoiMjI0OCIsIkNvbG9yIjp7IiRyZWYiOiIyMjQwIn19LCJJc1Zpc2libGUiOmZhbHNlLCJXaWR0aCI6MC4wLCJIZWlnaHQiOjAuMCwiQm9yZGVyU3R5bGUiOnsiJGlkIjoiMjI0OSIsIkxpbmVDb2xvciI6bnVsbCwiTGluZVdlaWdodCI6MC4wLCJMaW5lVHlwZSI6MCwiUGFyZW50U3R5bGUiOm51bGx9LCJQYXJlbnRTdHlsZSI6bnVsbH0sIkRhdGVGb3JtYXQiOnsiJGlkIjoiMjI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I3NCIsIlRvcCI6MC4wLCJMZWZ0IjowLjAsIlJpZ2h0IjowLjAsIkJvdHRvbSI6MC4wfSwiUGFkZGluZyI6eyIkaWQiOiIyMjc1IiwiVG9wIjowLjAsIkxlZnQiOjAuMCwiUmlnaHQiOjAuMCwiQm90dG9tIjowLjB9LCJCYWNrZ3JvdW5kIjp7IiRpZCI6IjIyNzYiLCJDb2xvciI6eyIkcmVmIjoiMjI2OCJ9fSwiSXNWaXNpYmxlIjpmYWxzZSwiV2lkdGgiOjAuMCwiSGVpZ2h0IjowLjAsIkJvcmRlclN0eWxlIjp7IiRpZCI6IjIyNzciLCJMaW5lQ29sb3IiOm51bGwsIkxpbmVXZWlnaHQiOjAuMCwiTGluZVR5cGUiOjAsIlBhcmVudFN0eWxlIjpudWxsfSwiUGFyZW50U3R5bGUiOm51bGx9LCJEYXRlRm9ybWF0Ijp7IiRpZCI6IjIy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MTkiLCJUb3AiOjAuMCwiTGVmdCI6MC4wLCJSaWdodCI6MC4wLCJCb3R0b20iOjAuMH0sIlBhZGRpbmciOnsiJGlkIjoiMjQyMCIsIlRvcCI6MC4wLCJMZWZ0IjowLjAsIlJpZ2h0IjowLjAsIkJvdHRvbSI6MC4wfSwiQmFja2dyb3VuZCI6eyIkaWQiOiIyNDIxIiwiQ29sb3IiOnsiJHJlZiI6IjI0MTQifX0sIklzVmlzaWJsZSI6ZmFsc2UsIldpZHRoIjowLjAsIkhlaWdodCI6MC4wLCJCb3JkZXJTdHlsZSI6bnVsbCwiUGFyZW50U3R5bGUiOm51bGx9LCJEYXRlRm9ybWF0Ijp7IiRpZCI6IjI0MjI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VGl0bGVTdHlsZSI6eyIkaWQiOiIyNDM5IiwiRm9udFNldHRpbmdzIjp7IiRpZCI6IjI0NDAiLCJGb250U2l6ZSI6MTEsIkZvbnROYW1lIjoiQ2FsaWJyaSIsIklzQm9sZCI6dHJ1ZSwiSXNJdGFsaWMiOmZhbHNlLCJJc1VuZGVybGluZWQiOmZhbHNlLCJQYXJlbnRTdHlsZSI6bnVsbH0sIkF1dG9TaXplIjowLCJGb3JlZ3JvdW5kIjp7IiRpZCI6IjI0NDEiLCJDb2xvciI6eyIkaWQiOiIyND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Q1MSIsIlRvcCI6MC4wLCJMZWZ0IjowLjAsIlJpZ2h0IjowLjAsIkJvdHRvbSI6MC4wfSwiUGFkZGluZyI6eyIkaWQiOiIyNDUyIiwiVG9wIjowLjAsIkxlZnQiOjAuMCwiUmlnaHQiOjAuMCwiQm90dG9tIjowLjB9LCJCYWNrZ3JvdW5kIjp7IiRpZCI6IjI0NTMiLCJDb2xvciI6eyIkcmVmIjoiMjQ0NiJ9fSwiSXNWaXNpYmxlIjpmYWxzZSwiV2lkdGgiOjAuMCwiSGVpZ2h0IjowLjAsIkJvcmRlclN0eWxlIjpudWxsLCJQYXJlbnRTdHlsZSI6bnVsbH0sIkRhdGVGb3JtYXQiOnsiJGlkIjoiMjQ1N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k3IiwiVG9wIjowLjAsIkxlZnQiOjAuMCwiUmlnaHQiOjAuMCwiQm90dG9tIjowLjB9LCJQYWRkaW5nIjp7IiRpZCI6IjI0OTgiLCJUb3AiOjAuMCwiTGVmdCI6MC4wLCJSaWdodCI6MC4wLCJCb3R0b20iOjAuMH0sIkJhY2tncm91bmQiOnsiJGlkIjoiMjQ5OSIsIkNvbG9yIjp7IiRyZWYiOiIyMzU1In19LCJJc1Zpc2libGUiOnRydWUsIldpZHRoIjowLjAsIkhlaWdodCI6MC4wLCJCb3JkZXJTdHlsZSI6bnVsbCwiUGFyZW50U3R5bGUiOm51bGx9LCJEYXRlRm9ybWF0Ijp7IiRpZCI6IjI1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MSIsIkZvcm1hdCI6MCwiSXNWaXNpYmxlIjpmYWxzZSwiTGFzdEtub3duVmlzaWJpbGl0eVN0YXRlIjpmYWxzZX0sIklzVmlzaWJsZSI6dHJ1ZSwiUGFyZW50U3R5bGUiOm51bGwsIl9leHBsaWNpdGx5U2V0Ijp7IiRpZCI6IjI1M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I0IiwiVG9wIjowLjAsIkxlZnQiOjAuMCwiUmlnaHQiOjAuMCwiQm90dG9tIjowLjB9LCJQYWRkaW5nIjp7IiRpZCI6IjI1MjUiLCJUb3AiOjAuMCwiTGVmdCI6MC4wLCJSaWdodCI6MC4wLCJCb3R0b20iOjAuMH0sIkJhY2tncm91bmQiOnsiJGlkIjoiMjUyNiIsIkNvbG9yIjp7IiRpZCI6IjI1MjciLCJBIjo4OSwiUiI6MCwiRyI6MCwiQiI6MH19LCJJc1Zpc2libGUiOmZhbHNlLCJXaWR0aCI6MC4wLCJIZWlnaHQiOjAuMCwiQm9yZGVyU3R5bGUiOm51bGwsIlBhcmVudFN0eWxlIjpudWxsfSwiRGF0ZUZvcm1hdCI6eyIkaWQiOiIyN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NDgiLCJUb3AiOjAuMCwiTGVmdCI6MC4wLCJSaWdodCI6MC4wLCJCb3R0b20iOjAuMH0sIlBhZGRpbmciOnsiJGlkIjoiMjY0OSIsIlRvcCI6MC4wLCJMZWZ0IjowLjAsIlJpZ2h0IjowLjAsIkJvdHRvbSI6MC4wfSwiQmFja2dyb3VuZCI6eyIkaWQiOiIyNjUwIiwiQ29sb3IiOnsiJHJlZiI6IjI2MTUifX0sIklzVmlzaWJsZSI6dHJ1ZSwiV2lkdGgiOjAuMCwiSGVpZ2h0IjowLjAsIkJvcmRlclN0eWxlIjpudWxsLCJQYXJlbnRTdHlsZSI6bnVsbH0sIkRhdGVGb3JtYXQiOnsiJGlkIjoiMjY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yIiwiRm9ybWF0IjowLCJJc1Zpc2libGUiOmZhbHNlLCJMYXN0S25vd25WaXNpYmlsaXR5U3RhdGUiOmZhbHNlfSwiSXNWaXNpYmxlIjp0cnVlLCJQYXJlbnRTdHlsZSI6bnVsbCwiX2V4cGxpY2l0bHlTZXQiOnsiJGlkIjoiMjY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ODAiLCJUb3AiOjAuMCwiTGVmdCI6MC4wLCJSaWdodCI6MC4wLCJCb3R0b20iOjAuMH0sIlBhZGRpbmciOnsiJGlkIjoiMjY4MSIsIlRvcCI6MC4wLCJMZWZ0IjowLjAsIlJpZ2h0IjowLjAsIkJvdHRvbSI6MC4wfSwiQmFja2dyb3VuZCI6eyIkaWQiOiIyNjgyIiwiQ29sb3IiOnsiJHJlZiI6IjI2NzUifX0sIklzVmlzaWJsZSI6ZmFsc2UsIldpZHRoIjowLjAsIkhlaWdodCI6MC4wLCJCb3JkZXJTdHlsZSI6bnVsbCwiUGFyZW50U3R5bGUiOm51bGx9LCJEYXRlRm9ybWF0Ijp7IiRpZCI6IjI2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wNiIsIlRvcCI6MC4wLCJMZWZ0IjowLjAsIlJpZ2h0IjowLjAsIkJvdHRvbSI6MC4wfSwiUGFkZGluZyI6eyIkaWQiOiIyNzA3IiwiVG9wIjowLjAsIkxlZnQiOjAuMCwiUmlnaHQiOjAuMCwiQm90dG9tIjowLjB9LCJCYWNrZ3JvdW5kIjp7IiRpZCI6IjI3MDgiLCJDb2xvciI6eyIkaWQiOiIyNzA5IiwiQSI6ODksIlIiOjAsIkciOjAsIkIiOjB9fSwiSXNWaXNpYmxlIjpmYWxzZSwiV2lkdGgiOjAuMCwiSGVpZ2h0IjowLjAsIkJvcmRlclN0eWxlIjpudWxsLCJQYXJlbnRTdHlsZSI6bnVsbH0sIkRhdGVGb3JtYXQiOnsiJGlkIjoiM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xMCIsIlRvcCI6MC4wLCJMZWZ0IjowLjAsIlJpZ2h0IjowLjAsIkJvdHRvbSI6MC4wfSwiUGFkZGluZyI6eyIkaWQiOiIyODExIiwiVG9wIjowLjAsIkxlZnQiOjAuMCwiUmlnaHQiOjAuMCwiQm90dG9tIjowLjB9LCJCYWNrZ3JvdW5kIjp7IiRpZCI6IjI4MTIiLCJDb2xvciI6eyIkcmVmIjoiMjc3NyJ9fSwiSXNWaXNpYmxlIjp0cnVlLCJXaWR0aCI6MC4wLCJIZWlnaHQiOjAuMCwiQm9yZGVyU3R5bGUiOm51bGwsIlBhcmVudFN0eWxlIjpudWxsfSwiRGF0ZUZvcm1hdCI6eyIkaWQiOiIyO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TQiLCJGb3JtYXQiOjAsIklzVmlzaWJsZSI6ZmFsc2UsIkxhc3RLbm93blZpc2liaWxpdHlTdGF0ZSI6ZmFsc2V9LCJJc1Zpc2libGUiOnRydWUsIlBhcmVudFN0eWxlIjpudWxsLCJfZXhwbGljaXRseVNldCI6eyIkaWQiOiIyODE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g0MiIsIlRvcCI6MC4wLCJMZWZ0IjowLjAsIlJpZ2h0IjowLjAsIkJvdHRvbSI6MC4wfSwiUGFkZGluZyI6eyIkaWQiOiIyODQzIiwiVG9wIjowLjAsIkxlZnQiOjAuMCwiUmlnaHQiOjAuMCwiQm90dG9tIjowLjB9LCJCYWNrZ3JvdW5kIjp7IiRpZCI6IjI4NDQiLCJDb2xvciI6eyIkcmVmIjoiMjgzNyJ9fSwiSXNWaXNpYmxlIjpmYWxzZSwiV2lkdGgiOjAuMCwiSGVpZ2h0IjowLjAsIkJvcmRlclN0eWxlIjpudWxsLCJQYXJlbnRTdHlsZSI6bnVsbH0sIkRhdGVGb3JtYXQiOnsiJGlkIjoiMjg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2OCIsIlRvcCI6MC4wLCJMZWZ0IjowLjAsIlJpZ2h0IjowLjAsIkJvdHRvbSI6MC4wfSwiUGFkZGluZyI6eyIkaWQiOiIyODY5IiwiVG9wIjowLjAsIkxlZnQiOjAuMCwiUmlnaHQiOjAuMCwiQm90dG9tIjowLjB9LCJCYWNrZ3JvdW5kIjp7IiRpZCI6IjI4NzAiLCJDb2xvciI6eyIkaWQiOiIyODcxIiwiQSI6ODksIlIiOjAsIkciOjAsIkIiOjB9fSwiSXNWaXNpYmxlIjpmYWxzZSwiV2lkdGgiOjAuMCwiSGVpZ2h0IjowLjAsIkJvcmRlclN0eWxlIjpudWxsLCJQYXJlbnRTdHlsZSI6bnVsbH0sIkRhdGVGb3JtYXQiOnsiJGlkIjoiMjg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cyIiwiVG9wIjowLjAsIkxlZnQiOjAuMCwiUmlnaHQiOjAuMCwiQm90dG9tIjowLjB9LCJQYWRkaW5nIjp7IiRpZCI6IjI5NzMiLCJUb3AiOjAuMCwiTGVmdCI6MC4wLCJSaWdodCI6MC4wLCJCb3R0b20iOjAuMH0sIkJhY2tncm91bmQiOnsiJGlkIjoiMjk3NCIsIkNvbG9yIjp7IiRyZWYiOiIyOTM5In19LCJJc1Zpc2libGUiOnRydWUsIldpZHRoIjowLjAsIkhlaWdodCI6MC4wLCJCb3JkZXJTdHlsZSI6bnVsbCwiUGFyZW50U3R5bGUiOm51bGx9LCJEYXRlRm9ybWF0Ijp7IiRpZCI6IjI5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NiIsIkZvcm1hdCI6MCwiSXNWaXNpYmxlIjpmYWxzZSwiTGFzdEtub3duVmlzaWJpbGl0eVN0YXRlIjpmYWxzZX0sIklzVmlzaWJsZSI6dHJ1ZSwiUGFyZW50U3R5bGUiOm51bGwsIl9leHBsaWNpdGx5U2V0Ijp7IiRpZCI6IjI5N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DA0IiwiVG9wIjowLjAsIkxlZnQiOjAuMCwiUmlnaHQiOjAuMCwiQm90dG9tIjowLjB9LCJQYWRkaW5nIjp7IiRpZCI6IjMwMDUiLCJUb3AiOjAuMCwiTGVmdCI6MC4wLCJSaWdodCI6MC4wLCJCb3R0b20iOjAuMH0sIkJhY2tncm91bmQiOnsiJGlkIjoiMzAwNiIsIkNvbG9yIjp7IiRyZWYiOiIyOTk5In19LCJJc1Zpc2libGUiOnRydWUsIldpZHRoIjowLjAsIkhlaWdodCI6MC4wLCJCb3JkZXJTdHlsZSI6bnVsbCwiUGFyZW50U3R5bGUiOm51bGx9LCJEYXRlRm9ybWF0Ijp7IiRpZCI6IjMw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MxIiwiVG9wIjowLjAsIkxlZnQiOjAuMCwiUmlnaHQiOjAuMCwiQm90dG9tIjowLjB9LCJQYWRkaW5nIjp7IiRpZCI6IjMwMzIiLCJUb3AiOjAuMCwiTGVmdCI6MC4wLCJSaWdodCI6MC4wLCJCb3R0b20iOjAuMH0sIkJhY2tncm91bmQiOnsiJGlkIjoiMzAzMyIsIkNvbG9yIjp7IiRpZCI6IjMwMzQiLCJBIjo4OSwiUiI6MCwiRyI6MCwiQiI6MH19LCJJc1Zpc2libGUiOmZhbHNlLCJXaWR0aCI6MC4wLCJIZWlnaHQiOjAuMCwiQm9yZGVyU3R5bGUiOm51bGwsIlBhcmVudFN0eWxlIjpudWxsfSwiRGF0ZUZvcm1hdCI6eyIkaWQiOiIzM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M1IiwiVG9wIjowLjAsIkxlZnQiOjAuMCwiUmlnaHQiOjAuMCwiQm90dG9tIjowLjB9LCJQYWRkaW5nIjp7IiRpZCI6IjMxMzYiLCJUb3AiOjAuMCwiTGVmdCI6MC4wLCJSaWdodCI6MC4wLCJCb3R0b20iOjAuMH0sIkJhY2tncm91bmQiOnsiJGlkIjoiMzEzNyIsIkNvbG9yIjp7IiRyZWYiOiIzMTAyIn19LCJJc1Zpc2libGUiOnRydWUsIldpZHRoIjowLjAsIkhlaWdodCI6MC4wLCJCb3JkZXJTdHlsZSI6bnVsbCwiUGFyZW50U3R5bGUiOm51bGx9LCJEYXRlRm9ybWF0Ijp7IiRpZCI6IjM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zOSIsIkZvcm1hdCI6MCwiSXNWaXNpYmxlIjpmYWxzZSwiTGFzdEtub3duVmlzaWJpbGl0eVN0YXRlIjpmYWxzZX0sIklzVmlzaWJsZSI6dHJ1ZSwiUGFyZW50U3R5bGUiOm51bGwsIl9leHBsaWNpdGx5U2V0Ijp7IiRpZCI6IjMx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NyIsIlRvcCI6MC4wLCJMZWZ0IjowLjAsIlJpZ2h0IjowLjAsIkJvdHRvbSI6MC4wfSwiUGFkZGluZyI6eyIkaWQiOiIzMTY4IiwiVG9wIjowLjAsIkxlZnQiOjAuMCwiUmlnaHQiOjAuMCwiQm90dG9tIjowLjB9LCJCYWNrZ3JvdW5kIjp7IiRpZCI6IjMxNjkiLCJDb2xvciI6eyIkcmVmIjoiMzE2MiJ9fSwiSXNWaXNpYmxlIjpmYWxzZSwiV2lkdGgiOjAuMCwiSGVpZ2h0IjowLjAsIkJvcmRlclN0eWxlIjpudWxsLCJQYXJlbnRTdHlsZSI6bnVsbH0sIkRhdGVGb3JtYXQiOnsiJGlkIjoiMz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kzIiwiVG9wIjowLjAsIkxlZnQiOjAuMCwiUmlnaHQiOjAuMCwiQm90dG9tIjowLjB9LCJQYWRkaW5nIjp7IiRpZCI6IjMxOTQiLCJUb3AiOjAuMCwiTGVmdCI6MC4wLCJSaWdodCI6MC4wLCJCb3R0b20iOjAuMH0sIkJhY2tncm91bmQiOnsiJGlkIjoiMzE5NSIsIkNvbG9yIjp7IiRyZWYiOiIzMTg4In19LCJJc1Zpc2libGUiOmZhbHNlLCJXaWR0aCI6MC4wLCJIZWlnaHQiOjAuMCwiQm9yZGVyU3R5bGUiOm51bGwsIlBhcmVudFN0eWxlIjpudWxsfSwiRGF0ZUZvcm1hdCI6eyIkaWQiOiIz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zM0NiIsIkRhdGVQYXJ0SXNWaXNpYmxlIjp0cnVlLCJUaW1lUGFydElzVmlzaWJsZSI6ZmFsc2V9fSwiV2Vla051bWJlcmluZyI6eyIkaWQiOiIzMzQ3IiwiRm9ybWF0IjowLCJJc1Zpc2libGUiOmZhbHNlLCJMYXN0S25vd25WaXNpYmlsaXR5U3RhdGUiOmZhbHNlfSwiSXNWaXNpYmxlIjp0cnVlLCJQYXJlbnRTdHlsZSI6bnVsbH0sIkluZGV4IjoyLCJQZXJjZW50YWdlQ29tcGxldGUiOm51bGwsIlBvc2l0aW9uIjp7IlJhdGlvIjowLjAsIklzQ3VzdG9tIjpmYWxzZX0sIkRhdGVGb3JtYXQiOnsiJHJlZiI6IjMzNDUifSwiV2Vla051bWJlcmluZyI6eyIkaWQiOiIzMzQ4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JkN2YzY2M2Mi02MTk2LTQxZTQtYTQwMS1lZDBiNDhiMWYzN2N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My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Q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QsXCJHXCI6NjQsXCJCXCI6N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csXCJTaGFwZVRoaWNrbmVzc1wiOjAsXCJEdXJhdGlvbkZvcm1hdFwiOjU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UsXCJEdXJhdGlvblBvc2l0aW9uXCI6MCxcIlBlcmNlbnRhZ2VDb21wbGV0ZWRQb3NpdGlvblwiOjA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ZmFsc2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NS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c4LFwiR1wiOjE0LFwiQlwiOjE4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mYWxzZX0sXCJEYXRlRm9ybWF0XCI6e1wiJGlkXCI6XCIxMDNcIixcIkZvcm1hdFN0cmluZ1wiOlwieXl5eS9NTU1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1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NzgsXCJHXCI6MTQsXCJCXCI6MTh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mZhbHNlfSxcIkRhdGVGb3JtYXRcIjp7XCIkaWRcIjpcIjEyNFwiLFwiRm9ybWF0U3RyaW5nXCI6XCJ5eXl5L01NT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U1LFwiR1wiOjE5MixcIkJcIjowfX0sXCJJc1Zpc2libGVcIjp0cnVlLFwiV2lkdGhcIjowLjAsXCJIZWlnaHRcIjowLjAsXCJCb3JkZXJTdHlsZVwiOntcIiRpZFwiOlwiMTM3XCIsXCJMaW5lU3R5bGVcIjp7XCIkaWRcIjpcIjEzOFwiLFwiTGluZUNvbG9yXCI6e1wiJGlkXCI6XCIxMzlcIixcIkNvbG9yXCI6e1wiJGlkXCI6XCIxNDBcIixcIkFcIjoyNTUsXCJSXCI6MjIsXCJHXCI6MjgsXCJCXCI6Mz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NTUsXCJHXCI6MTkyLFwiQlwiOjB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mZhbHN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3LFwiU2hhcGVUaGlja25lc3NcIjowLFwiRHVyYXRpb25Gb3JtYXRcIjowLFwiUGVyY2VudGFnZUNvbXBsZXRlVGV4dFN0eWxlXCI6e1wiJGlkXCI6XCIxOTVcIixcIkZvbnRTZXR0aW5nc1wiOntcIiRpZFwiOlwiMTk2XCIsXCJGb250U2l6ZVwiOjEwLFwiRm9udE5hbWVcIjpcIkNhbGlicmlcIixcIklzQm9sZFwiOnRydWUsXCJJc0l0YWxpY1wiOmZhbHNlLFwiSXNVbmRlcmxpbmVkXCI6ZmFsc2V9LFwiRm9yZWdyb3VuZFwiOntcIiRpZFwiOlwiMTk3XCIsXCJDb2xvclwiOntcIiRpZFwiOlwiMTk4XCIsXCJBXCI6MjU1LFwiUlwiOjEyNyxcIkdcIjo5NixcIkJcIjow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wLFwiRW5kRGF0ZVBvc2l0aW9uXCI6MCxcIlRpdGxlUG9zaXRpb25cIjoyLFwiRHVyYXRpb25Qb3NpdGlvblwiOjAsXCJQZXJjZW50YWdlQ29tcGxldGVkUG9zaXRpb25cIjo0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1NSxcIkdcIjoxOTIsXCJCXCI6MH19LFwiSXNWaXNpYmxlXCI6dHJ1ZSxcIldpZHRoXCI6MC4wLFwiSGVpZ2h0XCI6MTMuNDI2NjY2NjY2NjY2Njc3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i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0LFwiU2hhcGVTaXplXCI6MSxcIkRldGFpbHNTcGFjaW5nXCI6MC4wLFwiUGFkZGluZ1wiOntcIiRpZFwiOlwiMjI3XCIsXCJUb3BcIjo3LjAsXCJMZWZ0XCI6My4wLFwiUmlnaHRcIjowLjAsXCJCb3R0b21cIjoyLjB9LFwiUG9zaXRpb25PblRhc2tcIjoz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jcsXCJHXCI6OTYsXCJCXCI6MH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SxcIklzVmlzaWJsZVwiOmZhbHN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3ZGU5Y2MwNC02NTg3LTRkYjgtYjgyOS04OWZhNjVlM2E1NGRcIixcIk5hbWVcIjpcIlN3aW1sYW5lIFN0eWxlIDJcIixcIkhlYWRlclN0eWxlXCI6e1wiJGlkXCI6XCIyNDhcIixcIlRleHRTdHlsZVwiOntcIiRpZFwiOlwiMjQ5XCIsXCJGb250U2V0dGluZ3NcIjp7XCIkaWRcIjpcIjI1MFwiLFwiRm9udFNpemVcIjoxMixcIkZvbnROYW1lXCI6XCJDYWxpYnJpXCIsXCJJc0JvbGRcIjp0cnVlLFwiSXNJdGFsaWNcIjpmYWxzZSxcIklzVW5kZXJsaW5lZFwiOmZhbHNlfSxcIkZvcmVncm91bmRcIjp7XCIkaWRcIjpcIjI1MVwiLFwiQ29sb3JcIjp7XCIkaWRcIjpcIjI1MlwiLFwiQVwiOjI1NSxcIlJcIjoyNTUsXCJHXCI6MjU1LFwiQlwiOjI1NX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csXCJHXCI6MTI1LFwiQlwiOjQ5fX0sXCJJc1Zpc2libGVcIjpmYWxzZSxcIldpZHRoXCI6MC4wLFwiSGVpZ2h0XCI6MC4wLFwiQm9yZGVyU3R5bGVcIjp7XCIkaWRcIjpcIjI1OFwiLFwiTGluZVN0eWxlXCI6e1wiJGlkXCI6XCIyNTlcIixcIkxpbmVDb2xvclwiOntcIiRpZFwiOlwiMjYwXCIsXCJDb2xvclwiOntcIiRpZFwiOlwiMjYxXCIsXCJBXCI6MjU1LFwiUlwiOjIxLFwiR1wiOjM3LFwiQlwiOjY2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jM3LFwiR1wiOjEyNSxcIkJcIjo0OX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3LFwiR1wiOjEyNSxcIkJcIjo0OX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yMzcsXCJHXCI6MTI1LFwiQlwiOjQ5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C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3LFwiR1wiOjEyNSxcIkJcIjo0OX19LFwiSXNWaXNpYmxlXCI6dHJ1ZSxcIldpZHRoXCI6MTguMCxcIkhlaWdodFwiOjIw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nRydW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wLFwiSXNWaXNpYmxlXCI6ZmFsc2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c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NyxcIkdcIjoxMjUsXCJCXCI6NDl9fSxcIklzVmlzaWJsZVwiOnRydWUsXCJXaWR0aFwiOjAuMCxcIkhlaWdodFwiOjEzLjQyNjY2NjY2NjY2NjY3Ny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dHJ1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NCxcIlNoYXBlU2l6ZVwiOjEsXCJEZXRhaWxzU3BhY2luZ1wiOjA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MyLFwiR1wiOjYwLFwiQlwiOjEy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EsXCJJc1Zpc2libGVcIjpmYWxz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ZmEyZThlZWYtZWFiZi00MTAwLWEwZjktZjdlOGRjNWY3YWY3XCIsXCJOYW1lXCI6XCJTd2ltbGFuZSBTdHlsZSAzXCIsXCJIZWFkZXJTdHlsZVwiOntcIiRpZFwiOlwiMzY5XCIsXCJUZXh0U3R5bGVcIjp7XCIkaWRcIjpcIjM3MFwiLFwiRm9udFNldHRpbmdzXCI6e1wiJGlkXCI6XCIzNzFcIixcIkZvbnRTaXplXCI6MTIsXCJGb250TmFtZVwiOlwiQ2FsaWJyaVwiLFwiSXNCb2xkXCI6dHJ1ZSxcIklzSXRhbGljXCI6ZmFsc2UsXCJJc1VuZGVybGluZWRcIjpmYWxzZX0sXCJGb3JlZ3JvdW5kXCI6e1wiJGlkXCI6XCIzNzJcIixcIkNvbG9yXCI6e1wiJGlkXCI6XCIzNzNcIixcIkFcIjoyNTUsXCJSXCI6MjU1LFwiR1wiOjI1NSxcIkJcIjoyNTV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EyLFwiR1wiOjE3MyxcIkJcIjo3MX19LFwiSXNWaXNpYmxlXCI6ZmFsc2UsXCJXaWR0aFwiOjAuMCxcIkhlaWdodFwiOjAuMCxcIkJvcmRlclN0eWxlXCI6e1wiJGlkXCI6XCIzNzlcIixcIkxpbmVTdHlsZVwiOntcIiRpZFwiOlwiMzgwXCIsXCJMaW5lQ29sb3JcIjp7XCIkaWRcIjpcIjM4MVwiLFwiQ29sb3JcIjp7XCIkaWRcIjpcIjM4MlwiLFwiQVwiOjI1NSxcIlJcIjo1NSxcIkdcIjo1NSxcIkJcIjo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M4LFwiUlwiOjExMixcIkdcIjoxNzMsXCJCXCI6NzF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xMixcIkdcIjoxNzMsXCJCXCI6NzF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MTEyLFwiR1wiOjE3MyxcIkJcIjo3MX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A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ExMixcIkdcIjoxNzMsXCJCXCI6NzF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mZhbHN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3LFwiU2hhcGVUaGlja25lc3NcIjoxLFwiRHVyYXRpb25Gb3JtYXRcIjo1LFwiUGVyY2VudGFnZUNvbXBsZXRlVGV4dFN0eWxlXCI6e1wiJGlkXCI6XCI0MzdcIixcIkZvbnRTZXR0aW5nc1wiOntcIiRpZFwiOlwiNDM4XCIsXCJGb250U2l6ZVwiOjEwLFwiRm9udE5hbWVcIjpcIkNhbGlicmlcIixcIklzQm9sZFwiOnRydWUsXCJJc0l0YWxpY1wiOmZhbHNlLFwiSXNVbmRlcmxpbmVkXCI6ZmFsc2V9LFwiRm9yZWdyb3VuZFwiOntcIiRpZFwiOlwiNDM5XCIsXCJDb2xvclwiOntcIiRpZFwiOlwiNDQwXCIsXCJBXCI6MjU1LFwiUlwiOjU2LFwiR1wiOjg3LFwiQlwiOjM1fX0sXCJIb3Jpem9udGFsQWxpZ25tZW50XCI6Mi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TEyLFwiR1wiOjE3MyxcIkJcIjo3MX19LFwiSXNWaXNpYmxlXCI6dHJ1ZSxcIldpZHRoXCI6MC4wLFwiSGVpZ2h0XCI6MTY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dHJ1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NCxcIlNoYXBlU2l6ZVwiOjEsXCJEZXRhaWxzU3BhY2luZ1wiOjAuMCxcIlBhZGRpbmdcIjp7XCIkaWRcIjpcIjQ2OVwiLFwiVG9wXCI6Ny4wLFwiTGVmdFwiOjMuMCxcIlJpZ2h0XCI6MC4wLFwiQm90dG9tXCI6Mi4wfSxcIlBvc2l0aW9uT25UYXNrXCI6My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NTYsXCJHXCI6ODcsXCJCXCI6MzV9fSxcIklzVmlzaWJsZVwiOnRydWUsXCJXaWR0aFwiOjEzLjAsXCJIZWlnaHRcIjoxMy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0cnV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Y4LFwiR1wiOjExNCxcIkJcIjoxOTZ9fSxcIklzVmlzaWJsZVwiOmZhbHNlLFwiV2lkdGhcIjowLjAsXCJIZWlnaHRcIjowLjAsXCJCb3JkZXJTdHlsZVwiOntcIiRpZFwiOlwiNTAwXCIsXCJMaW5lU3R5bGVcIjp7XCIkaWRcIjpcIjUwMVwiLFwiTGluZUNvbG9yXCI6e1wiJGlkXCI6XCI1MDJcIixcIkNvbG9yXCI6e1wiJGlkXCI6XCI1MDNcIixcIkFcIjoyNTUsXCJSXCI6ODgsXCJHXCI6MzksXCJCXCI6N3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M4LFwiUlwiOjY4LFwiR1wiOjExNCxcIkJcIjoxOTZ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Y4LFwiR1wiOjExNCxcIkJcIjoxOTZ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zgsXCJSXCI6NjgsXCJHXCI6MTE0LFwiQlwiOjE5Nn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wLFwiRGF0ZVBvc2l0aW9uXCI6MCxcIlNoYXBlVHlwZVwiOjY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Y4LFwiR1wiOjExNCxcIkJcIjoxOTZ9fSxcIklzVmlzaWJsZVwiOnRydWUsXCJXaWR0aFwiOjE4LjAsXCJIZWlnaHRcIjoyM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0cnV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jgsXCJHXCI6ODQsXCJCXCI6MTA2fX0sXCJIb3Jpem9udGFsQWxpZ25tZW50XCI6MixcIklzVmlzaWJsZVwiOmZhbHN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3LFwiU2hhcGVUaGlja25lc3NcIjowLFwiRHVyYXRpb25Gb3JtYXRcIjo1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NCxcIkVuZERhdGVQb3NpdGlvblwiOjQsXCJUaXRsZVBvc2l0aW9uXCI6My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2OCxcIkdcIjoxMTQsXCJCXCI6MTk2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0cnVlLFwiSXNJdGFsaWNcIjpmYWxzZSxcIklzVW5kZXJsaW5lZFwiOmZhbHNlfSxcIkZvcmVncm91bmRcIjp7XCIkaWRcIjpcIjU4MVwiLFwiQ29sb3JcIjp7XCIkaWRcIjpcIjU4MlwiLFwiQVwiOjI1NSxcIlJcIjowLFwiR1wiOjAsXCJCXCI6MH19LFwiSG9yaXpvbnRhbEFsaWdubWVudFwiOjI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NjgsXCJHXCI6ODQsXCJCXCI6MTA2fX0sXCJIb3Jpem9udGFsQWxpZ25tZW50XCI6MC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CxcIlNoYXBlU2l6ZVwiOjEsXCJEZXRhaWxzU3BhY2luZ1wiOjE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2OCxcIkdcIjo4NCxcIkJcIjoxMDZ9fSxcIkhvcml6b250YWxBbGlnbm1lbnRcIjowLFwiSXNWaXNpYmxlXCI6ZmFsc2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wLFwiR1wiOjAsXCJCXCI6MH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0cnVlLFwiUmFkaXVzXCI6MC4wfSxcIkNyaXRpY2FsUGF0aFN0eWxlXCI6e1wiJGlkXCI6XCI2MjNcIixcIkNyaXRpY2FsUGF0aFN0eWxlT3B0aW9uc1wiOjE0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IyLFwiR1wiOjUwLFwiQlwiOjUwfX0sXCJMaW5lV2VpZ2h0XCI6Mi4wLFwiTGluZVR5cGVcIjowfX0sXCJQYW5lbHNTcGFjaW5nRGVmaW5pdGlvblwiOntcIiRpZFwiOlwiNjM0XCIsXCJTcGFjaW5nQWJvdmVUaW1lYmFuZFwiOjE2LFwiU3BhY2luZ0JlbG93VGltZWJhbmRcIjoxNixcIlNwYWNpbmdBYm92ZUJldHdlZW5Td2ltbGFuZXNBbmRUYXNrc1wiOjE2LFwiU3BhY2luZ0JlbG93QmV0d2VlblN3aW1sYW5lc0FuZFRhc2tzXCI6MTZ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zkxIiwiVXNlVGltZSI6ZmFsc2UsIldvcmtEYXlTdGFydCI6IjAwOjAwOjAwIiwiV29ya0RheUVuZCI6IjIzOjU5OjAwIn0sIkxhc3RVc2VkVGVtcGxhdGVJZCI6IjgyYTc3NjA2LWI2NGEtNDg1ZC1hZjQxLTFhZTM3OGM5YTVkNCIsIkxhc3RVc2VkVGhlbWVEZXRhaWxzIjp7IiRpZCI6IjMzOTIiLCJJZCI6ImQ3ZjNjYzYyLTYxOTYtNDFlNC1hNDAxLWVkMGI0OGIxZjM3YyIsIlRpdGxlIjoiVW50aXRsZWQgdGhlbWUiLCJDYXRlZ29yeSI6Mn0sIkZpcnN0V2Vla09mWWVhciI6MCwiUGxhY2VNaWxlc3RvbmVBdFRoZUJlZ2lubmluZ09mVGhlRGF5IjpmYWxzZSwiRGVwZW5kZW5jeVNjaGVkdWxpbmdTZXR0aW5ncyI6eyIkaWQiOiIzMzk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5-12-25T03:44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3-31T23:59:00.0000000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7-05T00:00:00.0000000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9-27T23:59:00.0000000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12-20T23:59:00.0000000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5-01-16T23:59:00.0000000"/>
  <p:tag name="OTLPOSITIONONTASK" val="Center"/>
  <p:tag name="OTLRELATEDTASKID" val="1f3ecdb5-2321-4d1c-858a-b8fb12392a13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5-03-31T23:59:00.0000000"/>
  <p:tag name="OTLPOSITIONONTASK" val="Center"/>
  <p:tag name="OTLRELATEDTASKID" val="44de9765-e720-4557-b882-97f4709b8c3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5-06-07T23:59:00.0000000"/>
  <p:tag name="OTLPOSITIONONTASK" val="Above"/>
  <p:tag name="OTLRELATEDTASKID" val="c7770eb3-e434-4450-83eb-f0cda53241c7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DATE" val="2025-07-28T23:59:00.0000000"/>
  <p:tag name="OTLPOSITIONONTASK" val="Above"/>
  <p:tag name="OTLRELATEDTASKID" val="40c7696c-8b3a-4b1d-b83d-76730e5d92c2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5-05-20T00:00:00.0000000"/>
  <p:tag name="OTLPOSITIONONTASK" val="Center"/>
  <p:tag name="OTLRELATEDTASKID" val="fa8886b7-69a5-4c02-817a-aba54576e92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5-06-30T23:59:00.0000000"/>
  <p:tag name="OTLPOSITIONONTASK" val="Center"/>
  <p:tag name="OTLRELATEDTASKID" val="fa8886b7-69a5-4c02-817a-aba54576e921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5-08-10T23:59:00.0000000"/>
  <p:tag name="OTLPOSITIONONTASK" val="Center"/>
  <p:tag name="OTLRELATEDTASKID" val="fa8886b7-69a5-4c02-817a-aba54576e921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5-11-15T23:59:00.0000000"/>
  <p:tag name="OTLPOSITIONONTASK" val="Center"/>
  <p:tag name="OTLRELATEDTASKID" val="db841b2d-c0b5-434e-8300-8cd4d4e540bc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5-12-20T23:59:00.0000000"/>
  <p:tag name="OTLPOSITIONONTASK" val="Center"/>
  <p:tag name="OTLRELATEDTASKID" val="db841b2d-c0b5-434e-8300-8cd4d4e540bc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5-03-31T23:59:00.0000000"/>
  <p:tag name="OTLPOSITIONONTASK" val="Center"/>
  <p:tag name="OTLRELATEDTASKID" val="da01a588-69b6-42ab-8082-9fa4b14142a2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1-28T00:00:00.0000000"/>
  <p:tag name="OTLENDDATE" val="2025-03-31T18:57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1-02T00:00:00.0000000"/>
  <p:tag name="OTLENDDATE" val="2025-03-31T19:44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2T00:00:00.0000000"/>
  <p:tag name="OTLENDDATE" val="2025-06-02T13:00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2T00:00:00.0000000Z"/>
  <p:tag name="OTLENDDATE" val="2025-04-28T07:18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2-02T21:03:00.0000000Z"/>
  <p:tag name="OTLENDDATE" val="2025-04-07T20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5T23:51:00.0000000Z"/>
  <p:tag name="OTLENDDATE" val="2025-08-05T12:55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2T00:00:00.0000000Z"/>
  <p:tag name="OTLENDDATE" val="2025-06-10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07T00:00:00.0000000Z"/>
  <p:tag name="OTLENDDATE" val="2025-09-14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WEEKNUMBERINGFORMAT" val="WNFormat1"/>
  <p:tag name="OTLWEEKNUMBERINGISVISIBLE" val="False"/>
  <p:tag name="OTLSTARTDATE" val="2025-02-17T09:13:00.0000000Z"/>
  <p:tag name="OTLENDDATE" val="2025-03-31T20:01:00.0000000Z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5-09-01T14:52:00.0000000Z"/>
  <p:tag name="OTLENDDATE" val="2025-10-21T01:51:00.0000000Z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5-04-01T02:34:00.0000000Z"/>
  <p:tag name="OTLENDDATE" val="2025-09-01T22:08:00.0000000Z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5-10-21T01:55:00.0000000Z"/>
  <p:tag name="OTLENDDATE" val="2025-12-25T03:44:00.0000000Z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4T00:00:00.0000000"/>
  <p:tag name="OTLENDDATE" val="2025-07-11T23:58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03T00:00:00.0000000Z"/>
  <p:tag name="OTLENDDATE" val="2025-10-28T05:38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13T22:25:00.0000000"/>
  <p:tag name="OTLENDDATE" val="2025-09-30T07:36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23T00:00:00.0000000Z"/>
  <p:tag name="OTLENDDATE" val="2025-04-07T13:00:00.0000000Z"/>
  <p:tag name="OTLPERCENTAGE" val="75"/>
  <p:tag name="OTLDURATIONFORMAT" val="day"/>
  <p:tag name="OTLSPACING" val="3"/>
  <p:tag name="OTLSHAPETHICKNESSTYPE" val="Thi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5-19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2-20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4-01T00:00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2-21T00:00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8T21:58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0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9T00:00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9</TotalTime>
  <Words>369</Words>
  <Application>Microsoft Office PowerPoint</Application>
  <PresentationFormat>Widescreen</PresentationFormat>
  <Paragraphs>121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2</cp:revision>
  <dcterms:created xsi:type="dcterms:W3CDTF">2024-06-26T11:08:49Z</dcterms:created>
  <dcterms:modified xsi:type="dcterms:W3CDTF">2024-06-26T13:26:15Z</dcterms:modified>
</cp:coreProperties>
</file>